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A4E20C70-8192-4736-9E0E-A04ED2F1EBE9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2938" uniqueCount="766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บริษัท ประชารัฐรักสามัคคีพะเยา (วิสาหกิจเพื่อสังคม)  จำกัด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ชุมชนดีมีรอยยิ้มเมืองปัตตานี จังหวัดปัตตานี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มชนดีมีรอยยิ้มแม่แจ่ม จังหวัดเชียงใหม่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4"/>
      <name val="Helvetica Neue"/>
      <family val="2"/>
      <scheme val="major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4"/>
      <color theme="1"/>
      <name val="Helvetica Neue"/>
      <family val="2"/>
      <scheme val="major"/>
    </font>
    <font>
      <sz val="14"/>
      <name val="Calibri"/>
      <family val="2"/>
    </font>
  </fonts>
  <fills count="8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</fills>
  <borders count="15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68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0" fontId="3" fillId="6" borderId="0" xfId="0" applyFont="1" applyFill="1">
      <alignment vertical="top" wrapText="1"/>
    </xf>
    <xf numFmtId="0" fontId="4" fillId="6" borderId="6" xfId="0" applyNumberFormat="1" applyFont="1" applyFill="1" applyBorder="1" applyAlignment="1">
      <alignment vertical="center"/>
    </xf>
    <xf numFmtId="0" fontId="3" fillId="6" borderId="7" xfId="0" applyFont="1" applyFill="1" applyBorder="1">
      <alignment vertical="top" wrapText="1"/>
    </xf>
    <xf numFmtId="0" fontId="1" fillId="6" borderId="0" xfId="0" applyNumberFormat="1" applyFont="1" applyFill="1">
      <alignment vertical="top" wrapText="1"/>
    </xf>
    <xf numFmtId="0" fontId="5" fillId="6" borderId="6" xfId="0" applyNumberFormat="1" applyFont="1" applyFill="1" applyBorder="1" applyAlignment="1">
      <alignment vertical="center"/>
    </xf>
    <xf numFmtId="49" fontId="1" fillId="6" borderId="5" xfId="0" applyNumberFormat="1" applyFont="1" applyFill="1" applyBorder="1">
      <alignment vertical="top" wrapText="1"/>
    </xf>
    <xf numFmtId="0" fontId="5" fillId="6" borderId="6" xfId="0" applyNumberFormat="1" applyFont="1" applyFill="1" applyBorder="1" applyAlignment="1">
      <alignment vertical="center" wrapText="1"/>
    </xf>
    <xf numFmtId="0" fontId="4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7" fillId="7" borderId="0" xfId="0" applyFont="1" applyFill="1">
      <alignment vertical="top" wrapText="1"/>
    </xf>
    <xf numFmtId="0" fontId="8" fillId="7" borderId="9" xfId="0" applyNumberFormat="1" applyFont="1" applyFill="1" applyBorder="1" applyAlignment="1">
      <alignment vertical="center"/>
    </xf>
    <xf numFmtId="0" fontId="7" fillId="7" borderId="7" xfId="0" applyFont="1" applyFill="1" applyBorder="1">
      <alignment vertical="top" wrapText="1"/>
    </xf>
    <xf numFmtId="0" fontId="9" fillId="7" borderId="0" xfId="0" applyNumberFormat="1" applyFont="1" applyFill="1">
      <alignment vertical="top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49" fontId="9" fillId="7" borderId="5" xfId="0" applyNumberFormat="1" applyFont="1" applyFill="1" applyBorder="1">
      <alignment vertical="top" wrapText="1"/>
    </xf>
    <xf numFmtId="0" fontId="8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8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8" fillId="7" borderId="9" xfId="0" applyNumberFormat="1" applyFont="1" applyFill="1" applyBorder="1" applyAlignment="1">
      <alignment vertical="center" wrapText="1"/>
    </xf>
    <xf numFmtId="0" fontId="11" fillId="7" borderId="0" xfId="0" applyFont="1" applyFill="1">
      <alignment vertical="top" wrapText="1"/>
    </xf>
    <xf numFmtId="0" fontId="12" fillId="7" borderId="0" xfId="0" applyFont="1" applyFill="1">
      <alignment vertical="top" wrapText="1"/>
    </xf>
    <xf numFmtId="0" fontId="13" fillId="7" borderId="9" xfId="0" applyNumberFormat="1" applyFont="1" applyFill="1" applyBorder="1" applyAlignment="1">
      <alignment vertical="center"/>
    </xf>
    <xf numFmtId="0" fontId="13" fillId="7" borderId="9" xfId="0" applyNumberFormat="1" applyFont="1" applyFill="1" applyBorder="1" applyAlignment="1">
      <alignment vertical="center" wrapText="1"/>
    </xf>
    <xf numFmtId="0" fontId="14" fillId="7" borderId="9" xfId="0" applyNumberFormat="1" applyFont="1" applyFill="1" applyBorder="1" applyAlignment="1">
      <alignment vertical="center"/>
    </xf>
    <xf numFmtId="0" fontId="14" fillId="7" borderId="9" xfId="0" applyNumberFormat="1" applyFont="1" applyFill="1" applyBorder="1" applyAlignment="1">
      <alignment vertical="center" wrapText="1"/>
    </xf>
    <xf numFmtId="0" fontId="15" fillId="7" borderId="9" xfId="0" applyNumberFormat="1" applyFont="1" applyFill="1" applyBorder="1" applyAlignment="1">
      <alignment vertical="center"/>
    </xf>
    <xf numFmtId="0" fontId="8" fillId="7" borderId="13" xfId="0" applyNumberFormat="1" applyFont="1" applyFill="1" applyBorder="1" applyAlignment="1">
      <alignment vertical="center"/>
    </xf>
    <xf numFmtId="0" fontId="8" fillId="7" borderId="14" xfId="0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216"/>
  <sheetViews>
    <sheetView showGridLines="0" tabSelected="1" topLeftCell="A207" workbookViewId="0">
      <selection activeCell="E219" sqref="E219"/>
    </sheetView>
  </sheetViews>
  <sheetFormatPr defaultColWidth="16.36328125" defaultRowHeight="19.899999999999999" customHeight="1"/>
  <cols>
    <col min="1" max="2" width="16.36328125" style="1" customWidth="1"/>
    <col min="3" max="3" width="33.26953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4" width="16.36328125" style="1" customWidth="1"/>
    <col min="25" max="16384" width="16.36328125" style="1"/>
  </cols>
  <sheetData>
    <row r="1" spans="1:23" ht="30.15" customHeight="1">
      <c r="A1" s="38" t="s">
        <v>0</v>
      </c>
      <c r="B1" s="39"/>
      <c r="C1" s="39"/>
      <c r="D1" s="39"/>
      <c r="E1" s="39"/>
      <c r="F1" s="39"/>
      <c r="G1" s="39"/>
      <c r="H1" s="39"/>
      <c r="I1" s="39"/>
      <c r="J1" s="39"/>
      <c r="K1" s="39"/>
      <c r="L1" s="39"/>
      <c r="M1" s="39"/>
      <c r="N1" s="39"/>
      <c r="O1" s="39"/>
      <c r="P1" s="39"/>
      <c r="Q1" s="39"/>
      <c r="R1" s="39"/>
      <c r="S1" s="39"/>
      <c r="T1" s="39"/>
      <c r="U1" s="39"/>
      <c r="V1" s="39"/>
      <c r="W1" s="40"/>
    </row>
    <row r="2" spans="1:23" ht="22.25" customHeight="1">
      <c r="A2" s="36" t="s">
        <v>1</v>
      </c>
      <c r="B2" s="36" t="s">
        <v>2</v>
      </c>
      <c r="C2" s="36" t="s">
        <v>3</v>
      </c>
      <c r="D2" s="36" t="s">
        <v>4</v>
      </c>
      <c r="E2" s="36" t="s">
        <v>5</v>
      </c>
      <c r="F2" s="36" t="s">
        <v>6</v>
      </c>
      <c r="G2" s="36" t="s">
        <v>7</v>
      </c>
      <c r="H2" s="36" t="s">
        <v>8</v>
      </c>
      <c r="I2" s="37"/>
      <c r="J2" s="37"/>
      <c r="K2" s="36" t="s">
        <v>9</v>
      </c>
      <c r="L2" s="37"/>
      <c r="M2" s="37"/>
      <c r="N2" s="36" t="s">
        <v>10</v>
      </c>
      <c r="O2" s="36" t="s">
        <v>11</v>
      </c>
      <c r="P2" s="36" t="s">
        <v>12</v>
      </c>
      <c r="Q2" s="36" t="s">
        <v>13</v>
      </c>
      <c r="R2" s="36" t="s">
        <v>14</v>
      </c>
      <c r="S2" s="36" t="s">
        <v>15</v>
      </c>
      <c r="T2" s="37"/>
      <c r="U2" s="37"/>
      <c r="V2" s="36" t="s">
        <v>16</v>
      </c>
      <c r="W2" s="36" t="s">
        <v>17</v>
      </c>
    </row>
    <row r="3" spans="1:23" ht="22.25" customHeight="1">
      <c r="A3" s="37"/>
      <c r="B3" s="37"/>
      <c r="C3" s="37"/>
      <c r="D3" s="37"/>
      <c r="E3" s="37"/>
      <c r="F3" s="37"/>
      <c r="G3" s="3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37"/>
      <c r="O3" s="37"/>
      <c r="P3" s="37"/>
      <c r="Q3" s="37"/>
      <c r="R3" s="37"/>
      <c r="S3" s="2" t="s">
        <v>24</v>
      </c>
      <c r="T3" s="2" t="s">
        <v>25</v>
      </c>
      <c r="U3" s="2" t="s">
        <v>26</v>
      </c>
      <c r="V3" s="37"/>
      <c r="W3" s="37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  <row r="51" spans="1:23" s="29" customFormat="1" ht="19.899999999999999" customHeight="1">
      <c r="A51" s="26">
        <v>617310001</v>
      </c>
      <c r="B51" s="27"/>
      <c r="C51" s="28" t="s">
        <v>272</v>
      </c>
      <c r="D51" s="31" t="s">
        <v>136</v>
      </c>
      <c r="E51" s="27" t="s">
        <v>44</v>
      </c>
      <c r="F51" s="27" t="s">
        <v>300</v>
      </c>
      <c r="G51" s="27" t="s">
        <v>104</v>
      </c>
      <c r="H51" s="30"/>
      <c r="I51" s="30"/>
      <c r="J51" s="30" t="s">
        <v>108</v>
      </c>
      <c r="K51" s="30" t="s">
        <v>72</v>
      </c>
      <c r="L51" s="30"/>
      <c r="M51" s="30"/>
      <c r="N51" s="30" t="s">
        <v>273</v>
      </c>
      <c r="O51" s="30" t="s">
        <v>134</v>
      </c>
      <c r="P51" s="30">
        <v>78</v>
      </c>
      <c r="Q51" s="30">
        <v>90</v>
      </c>
      <c r="R51" s="30" t="s">
        <v>90</v>
      </c>
      <c r="S51" s="30"/>
      <c r="T51" s="30" t="s">
        <v>31</v>
      </c>
      <c r="U51" s="30"/>
      <c r="V51" s="31" t="s">
        <v>37</v>
      </c>
      <c r="W51" s="30" t="s">
        <v>274</v>
      </c>
    </row>
    <row r="52" spans="1:23" s="29" customFormat="1" ht="19.899999999999999" customHeight="1">
      <c r="A52" s="26">
        <v>615340021</v>
      </c>
      <c r="B52" s="27"/>
      <c r="C52" s="28" t="s">
        <v>275</v>
      </c>
      <c r="D52" s="29" t="s">
        <v>137</v>
      </c>
      <c r="E52" s="27" t="s">
        <v>27</v>
      </c>
      <c r="F52" s="27" t="s">
        <v>276</v>
      </c>
      <c r="G52" s="27" t="s">
        <v>277</v>
      </c>
      <c r="H52" s="30"/>
      <c r="I52" s="30"/>
      <c r="J52" s="30" t="s">
        <v>108</v>
      </c>
      <c r="K52" s="32" t="s">
        <v>278</v>
      </c>
      <c r="L52" s="30"/>
      <c r="M52" s="30"/>
      <c r="N52" s="30" t="s">
        <v>279</v>
      </c>
      <c r="O52" s="30" t="s">
        <v>100</v>
      </c>
      <c r="P52" s="30">
        <v>360</v>
      </c>
      <c r="Q52" s="30"/>
      <c r="R52" s="30" t="s">
        <v>36</v>
      </c>
      <c r="S52" s="30"/>
      <c r="T52" s="30" t="s">
        <v>31</v>
      </c>
      <c r="U52" s="30"/>
      <c r="V52" s="31" t="s">
        <v>37</v>
      </c>
      <c r="W52" s="30" t="s">
        <v>280</v>
      </c>
    </row>
    <row r="53" spans="1:23" s="29" customFormat="1" ht="19.899999999999999" customHeight="1">
      <c r="A53" s="26">
        <v>615340022</v>
      </c>
      <c r="B53" s="27"/>
      <c r="C53" s="28" t="s">
        <v>281</v>
      </c>
      <c r="D53" s="29" t="s">
        <v>137</v>
      </c>
      <c r="E53" s="27" t="s">
        <v>27</v>
      </c>
      <c r="F53" s="27" t="s">
        <v>282</v>
      </c>
      <c r="G53" s="27" t="s">
        <v>283</v>
      </c>
      <c r="H53" s="30"/>
      <c r="I53" s="30"/>
      <c r="J53" s="30" t="s">
        <v>108</v>
      </c>
      <c r="K53" s="32" t="s">
        <v>278</v>
      </c>
      <c r="L53" s="30"/>
      <c r="M53" s="30"/>
      <c r="N53" s="30" t="s">
        <v>279</v>
      </c>
      <c r="O53" s="30" t="s">
        <v>100</v>
      </c>
      <c r="P53" s="30">
        <v>200</v>
      </c>
      <c r="Q53" s="30"/>
      <c r="R53" s="30" t="s">
        <v>36</v>
      </c>
      <c r="S53" s="30"/>
      <c r="T53" s="30" t="s">
        <v>31</v>
      </c>
      <c r="U53" s="30"/>
      <c r="V53" s="31" t="s">
        <v>37</v>
      </c>
      <c r="W53" s="30" t="s">
        <v>280</v>
      </c>
    </row>
    <row r="54" spans="1:23" s="29" customFormat="1" ht="19.899999999999999" customHeight="1">
      <c r="A54" s="26">
        <v>615340023</v>
      </c>
      <c r="B54" s="27"/>
      <c r="C54" s="28" t="s">
        <v>284</v>
      </c>
      <c r="D54" s="29" t="s">
        <v>137</v>
      </c>
      <c r="E54" s="27" t="s">
        <v>27</v>
      </c>
      <c r="F54" s="27" t="s">
        <v>282</v>
      </c>
      <c r="G54" s="27" t="s">
        <v>283</v>
      </c>
      <c r="H54" s="30"/>
      <c r="I54" s="30"/>
      <c r="J54" s="30" t="s">
        <v>108</v>
      </c>
      <c r="K54" s="32" t="s">
        <v>278</v>
      </c>
      <c r="L54" s="30"/>
      <c r="M54" s="30"/>
      <c r="N54" s="30" t="s">
        <v>279</v>
      </c>
      <c r="O54" s="30" t="s">
        <v>100</v>
      </c>
      <c r="P54" s="30">
        <v>400</v>
      </c>
      <c r="Q54" s="30"/>
      <c r="R54" s="30" t="s">
        <v>36</v>
      </c>
      <c r="S54" s="30"/>
      <c r="T54" s="30" t="s">
        <v>31</v>
      </c>
      <c r="U54" s="30"/>
      <c r="V54" s="31" t="s">
        <v>37</v>
      </c>
      <c r="W54" s="30" t="s">
        <v>280</v>
      </c>
    </row>
    <row r="55" spans="1:23" s="29" customFormat="1" ht="19.899999999999999" customHeight="1">
      <c r="A55" s="26">
        <v>615340028</v>
      </c>
      <c r="B55" s="27"/>
      <c r="C55" s="28" t="s">
        <v>285</v>
      </c>
      <c r="D55" s="29" t="s">
        <v>137</v>
      </c>
      <c r="E55" s="27" t="s">
        <v>27</v>
      </c>
      <c r="F55" s="27" t="s">
        <v>276</v>
      </c>
      <c r="G55" s="27" t="s">
        <v>286</v>
      </c>
      <c r="H55" s="30"/>
      <c r="I55" s="30"/>
      <c r="J55" s="30" t="s">
        <v>108</v>
      </c>
      <c r="K55" s="32" t="s">
        <v>278</v>
      </c>
      <c r="L55" s="30"/>
      <c r="M55" s="30"/>
      <c r="N55" s="30" t="s">
        <v>279</v>
      </c>
      <c r="O55" s="30" t="s">
        <v>100</v>
      </c>
      <c r="P55" s="30">
        <v>140</v>
      </c>
      <c r="Q55" s="30">
        <v>160</v>
      </c>
      <c r="R55" s="30" t="s">
        <v>36</v>
      </c>
      <c r="S55" s="30"/>
      <c r="T55" s="30" t="s">
        <v>31</v>
      </c>
      <c r="U55" s="30"/>
      <c r="V55" s="31" t="s">
        <v>37</v>
      </c>
      <c r="W55" s="30" t="s">
        <v>280</v>
      </c>
    </row>
    <row r="56" spans="1:23" s="29" customFormat="1" ht="19.899999999999999" customHeight="1">
      <c r="A56" s="26">
        <v>615340029</v>
      </c>
      <c r="B56" s="27"/>
      <c r="C56" s="28" t="s">
        <v>287</v>
      </c>
      <c r="D56" s="29" t="s">
        <v>137</v>
      </c>
      <c r="E56" s="27" t="s">
        <v>27</v>
      </c>
      <c r="F56" s="27" t="s">
        <v>276</v>
      </c>
      <c r="G56" s="27" t="s">
        <v>288</v>
      </c>
      <c r="H56" s="30"/>
      <c r="I56" s="30"/>
      <c r="J56" s="30" t="s">
        <v>108</v>
      </c>
      <c r="K56" s="32" t="s">
        <v>278</v>
      </c>
      <c r="L56" s="30"/>
      <c r="M56" s="30"/>
      <c r="N56" s="30" t="s">
        <v>279</v>
      </c>
      <c r="O56" s="30" t="s">
        <v>100</v>
      </c>
      <c r="P56" s="30">
        <v>180</v>
      </c>
      <c r="Q56" s="30">
        <v>220</v>
      </c>
      <c r="R56" s="30" t="s">
        <v>36</v>
      </c>
      <c r="S56" s="30"/>
      <c r="T56" s="30" t="s">
        <v>31</v>
      </c>
      <c r="U56" s="30"/>
      <c r="V56" s="31" t="s">
        <v>37</v>
      </c>
      <c r="W56" s="30" t="s">
        <v>280</v>
      </c>
    </row>
    <row r="57" spans="1:23" s="29" customFormat="1" ht="19.899999999999999" customHeight="1">
      <c r="A57" s="26">
        <v>615340030</v>
      </c>
      <c r="B57" s="33"/>
      <c r="C57" s="28" t="s">
        <v>289</v>
      </c>
      <c r="D57" s="29" t="s">
        <v>137</v>
      </c>
      <c r="E57" s="33" t="s">
        <v>27</v>
      </c>
      <c r="F57" s="33" t="s">
        <v>276</v>
      </c>
      <c r="G57" s="33" t="s">
        <v>290</v>
      </c>
      <c r="H57" s="34"/>
      <c r="I57" s="34"/>
      <c r="J57" s="34" t="s">
        <v>108</v>
      </c>
      <c r="K57" s="35" t="s">
        <v>278</v>
      </c>
      <c r="L57" s="34"/>
      <c r="M57" s="34"/>
      <c r="N57" s="34" t="s">
        <v>279</v>
      </c>
      <c r="O57" s="34" t="s">
        <v>100</v>
      </c>
      <c r="P57" s="34">
        <v>300</v>
      </c>
      <c r="Q57" s="34">
        <v>330</v>
      </c>
      <c r="R57" s="34" t="s">
        <v>36</v>
      </c>
      <c r="S57" s="34"/>
      <c r="T57" s="34" t="s">
        <v>31</v>
      </c>
      <c r="U57" s="34"/>
      <c r="V57" s="31" t="s">
        <v>37</v>
      </c>
      <c r="W57" s="34" t="s">
        <v>280</v>
      </c>
    </row>
    <row r="58" spans="1:23" s="29" customFormat="1" ht="19.899999999999999" customHeight="1">
      <c r="A58" s="26">
        <v>331330031</v>
      </c>
      <c r="B58" s="33"/>
      <c r="C58" s="28" t="s">
        <v>291</v>
      </c>
      <c r="D58" s="29" t="s">
        <v>135</v>
      </c>
      <c r="E58" s="33" t="s">
        <v>292</v>
      </c>
      <c r="F58" s="33" t="s">
        <v>293</v>
      </c>
      <c r="G58" s="33"/>
      <c r="H58" s="34"/>
      <c r="I58" s="34"/>
      <c r="J58" s="34" t="s">
        <v>294</v>
      </c>
      <c r="K58" s="35" t="s">
        <v>295</v>
      </c>
      <c r="L58" s="34"/>
      <c r="M58" s="34"/>
      <c r="N58" s="34" t="s">
        <v>296</v>
      </c>
      <c r="O58" s="34" t="s">
        <v>297</v>
      </c>
      <c r="P58" s="34">
        <v>20</v>
      </c>
      <c r="Q58" s="34">
        <v>45</v>
      </c>
      <c r="R58" s="34" t="s">
        <v>90</v>
      </c>
      <c r="S58" s="34"/>
      <c r="T58" s="34" t="s">
        <v>76</v>
      </c>
      <c r="U58" s="34"/>
      <c r="V58" s="31" t="s">
        <v>37</v>
      </c>
      <c r="W58" s="34" t="s">
        <v>298</v>
      </c>
    </row>
    <row r="59" spans="1:23" s="29" customFormat="1" ht="19.899999999999999" customHeight="1">
      <c r="A59" s="26">
        <v>331330030</v>
      </c>
      <c r="B59" s="33"/>
      <c r="C59" s="28" t="s">
        <v>299</v>
      </c>
      <c r="D59" s="29" t="s">
        <v>135</v>
      </c>
      <c r="E59" s="33" t="s">
        <v>292</v>
      </c>
      <c r="F59" s="33" t="s">
        <v>293</v>
      </c>
      <c r="G59" s="33"/>
      <c r="H59" s="34"/>
      <c r="I59" s="34"/>
      <c r="J59" s="34" t="s">
        <v>294</v>
      </c>
      <c r="K59" s="35" t="s">
        <v>295</v>
      </c>
      <c r="L59" s="34"/>
      <c r="M59" s="34"/>
      <c r="N59" s="34" t="s">
        <v>296</v>
      </c>
      <c r="O59" s="34" t="s">
        <v>297</v>
      </c>
      <c r="P59" s="34">
        <v>50</v>
      </c>
      <c r="Q59" s="34">
        <v>130</v>
      </c>
      <c r="R59" s="34" t="s">
        <v>90</v>
      </c>
      <c r="S59" s="34"/>
      <c r="T59" s="34" t="s">
        <v>76</v>
      </c>
      <c r="U59" s="34"/>
      <c r="V59" s="31" t="s">
        <v>37</v>
      </c>
      <c r="W59" s="34" t="s">
        <v>298</v>
      </c>
    </row>
    <row r="60" spans="1:23" s="44" customFormat="1" ht="19.899999999999999" customHeight="1">
      <c r="A60" s="41">
        <v>439330017</v>
      </c>
      <c r="B60" s="42" t="s">
        <v>301</v>
      </c>
      <c r="C60" s="43" t="s">
        <v>302</v>
      </c>
      <c r="D60" s="44" t="s">
        <v>135</v>
      </c>
      <c r="E60" s="42" t="s">
        <v>303</v>
      </c>
      <c r="F60" s="42" t="s">
        <v>304</v>
      </c>
      <c r="G60" s="42" t="s">
        <v>305</v>
      </c>
      <c r="H60" s="45"/>
      <c r="I60" s="45"/>
      <c r="J60" s="45" t="s">
        <v>138</v>
      </c>
      <c r="K60" s="46" t="s">
        <v>306</v>
      </c>
      <c r="L60" s="45"/>
      <c r="M60" s="45"/>
      <c r="N60" s="45" t="s">
        <v>296</v>
      </c>
      <c r="O60" s="45" t="s">
        <v>307</v>
      </c>
      <c r="P60" s="45">
        <v>600</v>
      </c>
      <c r="Q60" s="45">
        <v>850</v>
      </c>
      <c r="R60" s="47" t="s">
        <v>36</v>
      </c>
      <c r="S60" s="45"/>
      <c r="T60" s="45" t="s">
        <v>76</v>
      </c>
      <c r="U60" s="45"/>
      <c r="V60" s="48" t="s">
        <v>37</v>
      </c>
      <c r="W60" s="45" t="s">
        <v>308</v>
      </c>
    </row>
    <row r="61" spans="1:23" s="44" customFormat="1" ht="19.899999999999999" customHeight="1">
      <c r="A61" s="41">
        <v>439330017</v>
      </c>
      <c r="B61" s="42" t="s">
        <v>301</v>
      </c>
      <c r="C61" s="43" t="s">
        <v>302</v>
      </c>
      <c r="D61" s="44" t="s">
        <v>135</v>
      </c>
      <c r="E61" s="42" t="s">
        <v>303</v>
      </c>
      <c r="F61" s="42" t="s">
        <v>304</v>
      </c>
      <c r="G61" s="42" t="s">
        <v>305</v>
      </c>
      <c r="H61" s="45"/>
      <c r="I61" s="45"/>
      <c r="J61" s="45" t="s">
        <v>138</v>
      </c>
      <c r="K61" s="46" t="s">
        <v>306</v>
      </c>
      <c r="L61" s="45"/>
      <c r="M61" s="45"/>
      <c r="N61" s="45" t="s">
        <v>296</v>
      </c>
      <c r="O61" s="45" t="s">
        <v>307</v>
      </c>
      <c r="P61" s="45">
        <v>600</v>
      </c>
      <c r="Q61" s="45">
        <v>850</v>
      </c>
      <c r="R61" s="47" t="s">
        <v>36</v>
      </c>
      <c r="S61" s="45"/>
      <c r="T61" s="45" t="s">
        <v>76</v>
      </c>
      <c r="U61" s="45"/>
      <c r="V61" s="48" t="s">
        <v>37</v>
      </c>
      <c r="W61" s="45" t="s">
        <v>308</v>
      </c>
    </row>
    <row r="62" spans="1:23" s="44" customFormat="1" ht="19.899999999999999" customHeight="1">
      <c r="A62" s="41">
        <v>439330017</v>
      </c>
      <c r="B62" s="42" t="s">
        <v>301</v>
      </c>
      <c r="C62" s="43" t="s">
        <v>302</v>
      </c>
      <c r="D62" s="44" t="s">
        <v>135</v>
      </c>
      <c r="E62" s="42" t="s">
        <v>303</v>
      </c>
      <c r="F62" s="42" t="s">
        <v>304</v>
      </c>
      <c r="G62" s="42" t="s">
        <v>305</v>
      </c>
      <c r="H62" s="45"/>
      <c r="I62" s="45"/>
      <c r="J62" s="45" t="s">
        <v>138</v>
      </c>
      <c r="K62" s="46" t="s">
        <v>306</v>
      </c>
      <c r="L62" s="45"/>
      <c r="M62" s="45"/>
      <c r="N62" s="45" t="s">
        <v>296</v>
      </c>
      <c r="O62" s="45" t="s">
        <v>307</v>
      </c>
      <c r="P62" s="45">
        <v>600</v>
      </c>
      <c r="Q62" s="45">
        <v>850</v>
      </c>
      <c r="R62" s="47" t="s">
        <v>36</v>
      </c>
      <c r="S62" s="45"/>
      <c r="T62" s="45" t="s">
        <v>76</v>
      </c>
      <c r="U62" s="45"/>
      <c r="V62" s="48" t="s">
        <v>37</v>
      </c>
      <c r="W62" s="45" t="s">
        <v>308</v>
      </c>
    </row>
    <row r="63" spans="1:23" s="44" customFormat="1" ht="19.899999999999999" customHeight="1">
      <c r="A63" s="41">
        <v>439330018</v>
      </c>
      <c r="B63" s="49" t="s">
        <v>301</v>
      </c>
      <c r="C63" s="43" t="s">
        <v>309</v>
      </c>
      <c r="D63" s="44" t="s">
        <v>135</v>
      </c>
      <c r="E63" s="49" t="s">
        <v>303</v>
      </c>
      <c r="F63" s="49" t="s">
        <v>310</v>
      </c>
      <c r="G63" s="49" t="s">
        <v>311</v>
      </c>
      <c r="H63" s="50"/>
      <c r="I63" s="50"/>
      <c r="J63" s="50" t="s">
        <v>138</v>
      </c>
      <c r="K63" s="51" t="s">
        <v>306</v>
      </c>
      <c r="L63" s="50"/>
      <c r="M63" s="50"/>
      <c r="N63" s="50" t="s">
        <v>296</v>
      </c>
      <c r="O63" s="50" t="s">
        <v>312</v>
      </c>
      <c r="P63" s="50">
        <v>500</v>
      </c>
      <c r="Q63" s="50">
        <v>750</v>
      </c>
      <c r="R63" s="47" t="s">
        <v>36</v>
      </c>
      <c r="S63" s="50"/>
      <c r="T63" s="50" t="s">
        <v>76</v>
      </c>
      <c r="U63" s="50"/>
      <c r="V63" s="48" t="s">
        <v>37</v>
      </c>
      <c r="W63" s="50" t="s">
        <v>308</v>
      </c>
    </row>
    <row r="64" spans="1:23" s="44" customFormat="1" ht="19.899999999999999" customHeight="1">
      <c r="A64" s="41">
        <v>439330019</v>
      </c>
      <c r="B64" s="42" t="s">
        <v>301</v>
      </c>
      <c r="C64" s="43" t="s">
        <v>313</v>
      </c>
      <c r="D64" s="44" t="s">
        <v>135</v>
      </c>
      <c r="E64" s="42" t="s">
        <v>303</v>
      </c>
      <c r="F64" s="42" t="s">
        <v>310</v>
      </c>
      <c r="G64" s="42" t="s">
        <v>314</v>
      </c>
      <c r="H64" s="45"/>
      <c r="I64" s="45"/>
      <c r="J64" s="45" t="s">
        <v>138</v>
      </c>
      <c r="K64" s="46" t="s">
        <v>306</v>
      </c>
      <c r="L64" s="45"/>
      <c r="M64" s="45"/>
      <c r="N64" s="45" t="s">
        <v>296</v>
      </c>
      <c r="O64" s="45" t="s">
        <v>312</v>
      </c>
      <c r="P64" s="45">
        <v>550</v>
      </c>
      <c r="Q64" s="45">
        <v>850</v>
      </c>
      <c r="R64" s="45" t="s">
        <v>36</v>
      </c>
      <c r="S64" s="45"/>
      <c r="T64" s="45" t="s">
        <v>76</v>
      </c>
      <c r="U64" s="45"/>
      <c r="V64" s="48" t="s">
        <v>37</v>
      </c>
      <c r="W64" s="45" t="s">
        <v>308</v>
      </c>
    </row>
    <row r="65" spans="1:23" s="44" customFormat="1" ht="19.899999999999999" customHeight="1">
      <c r="A65" s="41">
        <v>345330001</v>
      </c>
      <c r="B65" s="52" t="s">
        <v>315</v>
      </c>
      <c r="C65" s="43" t="s">
        <v>316</v>
      </c>
      <c r="D65" s="44" t="s">
        <v>135</v>
      </c>
      <c r="E65" s="52" t="s">
        <v>303</v>
      </c>
      <c r="F65" s="52" t="s">
        <v>317</v>
      </c>
      <c r="G65" s="52" t="s">
        <v>318</v>
      </c>
      <c r="H65" s="53"/>
      <c r="I65" s="53"/>
      <c r="J65" s="53" t="s">
        <v>138</v>
      </c>
      <c r="K65" s="54" t="s">
        <v>306</v>
      </c>
      <c r="L65" s="53"/>
      <c r="M65" s="53"/>
      <c r="N65" s="53" t="s">
        <v>296</v>
      </c>
      <c r="O65" s="53" t="s">
        <v>312</v>
      </c>
      <c r="P65" s="53">
        <v>800</v>
      </c>
      <c r="Q65" s="55">
        <v>1390</v>
      </c>
      <c r="R65" s="56" t="s">
        <v>36</v>
      </c>
      <c r="S65" s="53"/>
      <c r="T65" s="53" t="s">
        <v>76</v>
      </c>
      <c r="U65" s="53"/>
      <c r="V65" s="48" t="s">
        <v>37</v>
      </c>
      <c r="W65" s="53" t="s">
        <v>319</v>
      </c>
    </row>
    <row r="66" spans="1:23" s="44" customFormat="1" ht="19.899999999999999" customHeight="1">
      <c r="A66" s="41">
        <v>345330002</v>
      </c>
      <c r="B66" s="42" t="s">
        <v>315</v>
      </c>
      <c r="C66" s="43" t="s">
        <v>320</v>
      </c>
      <c r="D66" s="44" t="s">
        <v>135</v>
      </c>
      <c r="E66" s="42" t="s">
        <v>303</v>
      </c>
      <c r="F66" s="42" t="s">
        <v>321</v>
      </c>
      <c r="G66" s="42" t="s">
        <v>322</v>
      </c>
      <c r="H66" s="45"/>
      <c r="I66" s="45"/>
      <c r="J66" s="45" t="s">
        <v>138</v>
      </c>
      <c r="K66" s="46" t="s">
        <v>306</v>
      </c>
      <c r="L66" s="45"/>
      <c r="M66" s="45"/>
      <c r="N66" s="45" t="s">
        <v>296</v>
      </c>
      <c r="O66" s="45" t="s">
        <v>312</v>
      </c>
      <c r="P66" s="45">
        <v>350</v>
      </c>
      <c r="Q66" s="57">
        <v>690</v>
      </c>
      <c r="R66" s="47" t="s">
        <v>36</v>
      </c>
      <c r="S66" s="45"/>
      <c r="T66" s="45" t="s">
        <v>76</v>
      </c>
      <c r="U66" s="45"/>
      <c r="V66" s="48" t="s">
        <v>37</v>
      </c>
      <c r="W66" s="45" t="s">
        <v>319</v>
      </c>
    </row>
    <row r="67" spans="1:23" s="44" customFormat="1" ht="19.899999999999999" customHeight="1">
      <c r="A67" s="41">
        <v>345330003</v>
      </c>
      <c r="B67" s="42" t="s">
        <v>315</v>
      </c>
      <c r="C67" s="43" t="s">
        <v>323</v>
      </c>
      <c r="D67" s="44" t="s">
        <v>135</v>
      </c>
      <c r="E67" s="42" t="s">
        <v>303</v>
      </c>
      <c r="F67" s="42" t="s">
        <v>321</v>
      </c>
      <c r="G67" s="42" t="s">
        <v>324</v>
      </c>
      <c r="H67" s="45"/>
      <c r="I67" s="45"/>
      <c r="J67" s="45" t="s">
        <v>138</v>
      </c>
      <c r="K67" s="46" t="s">
        <v>306</v>
      </c>
      <c r="L67" s="45"/>
      <c r="M67" s="45"/>
      <c r="N67" s="45" t="s">
        <v>296</v>
      </c>
      <c r="O67" s="45" t="s">
        <v>312</v>
      </c>
      <c r="P67" s="45">
        <v>400</v>
      </c>
      <c r="Q67" s="45">
        <v>850</v>
      </c>
      <c r="R67" s="47" t="s">
        <v>36</v>
      </c>
      <c r="S67" s="45"/>
      <c r="T67" s="45" t="s">
        <v>76</v>
      </c>
      <c r="U67" s="45"/>
      <c r="V67" s="48" t="s">
        <v>37</v>
      </c>
      <c r="W67" s="45" t="s">
        <v>319</v>
      </c>
    </row>
    <row r="68" spans="1:23" s="44" customFormat="1" ht="19.899999999999999" customHeight="1">
      <c r="A68" s="41">
        <v>345330004</v>
      </c>
      <c r="B68" s="42" t="s">
        <v>315</v>
      </c>
      <c r="C68" s="43" t="s">
        <v>325</v>
      </c>
      <c r="D68" s="44" t="s">
        <v>135</v>
      </c>
      <c r="E68" s="42" t="s">
        <v>303</v>
      </c>
      <c r="F68" s="42" t="s">
        <v>321</v>
      </c>
      <c r="G68" s="42" t="s">
        <v>326</v>
      </c>
      <c r="H68" s="45"/>
      <c r="I68" s="45"/>
      <c r="J68" s="45" t="s">
        <v>138</v>
      </c>
      <c r="K68" s="46" t="s">
        <v>306</v>
      </c>
      <c r="L68" s="45"/>
      <c r="M68" s="45"/>
      <c r="N68" s="45" t="s">
        <v>296</v>
      </c>
      <c r="O68" s="45" t="s">
        <v>312</v>
      </c>
      <c r="P68" s="57">
        <v>1300</v>
      </c>
      <c r="Q68" s="57">
        <v>2500</v>
      </c>
      <c r="R68" s="47" t="s">
        <v>36</v>
      </c>
      <c r="S68" s="45"/>
      <c r="T68" s="45" t="s">
        <v>76</v>
      </c>
      <c r="U68" s="45"/>
      <c r="V68" s="48" t="s">
        <v>37</v>
      </c>
      <c r="W68" s="45" t="s">
        <v>319</v>
      </c>
    </row>
    <row r="69" spans="1:23" s="44" customFormat="1" ht="19.899999999999999" customHeight="1">
      <c r="A69" s="41">
        <v>345330005</v>
      </c>
      <c r="B69" s="42" t="s">
        <v>315</v>
      </c>
      <c r="C69" s="43" t="s">
        <v>327</v>
      </c>
      <c r="D69" s="44" t="s">
        <v>135</v>
      </c>
      <c r="E69" s="42" t="s">
        <v>303</v>
      </c>
      <c r="F69" s="42" t="s">
        <v>321</v>
      </c>
      <c r="G69" s="42" t="s">
        <v>328</v>
      </c>
      <c r="H69" s="45"/>
      <c r="I69" s="45"/>
      <c r="J69" s="45" t="s">
        <v>138</v>
      </c>
      <c r="K69" s="46" t="s">
        <v>306</v>
      </c>
      <c r="L69" s="45"/>
      <c r="M69" s="45"/>
      <c r="N69" s="45" t="s">
        <v>296</v>
      </c>
      <c r="O69" s="45" t="s">
        <v>312</v>
      </c>
      <c r="P69" s="57">
        <v>1300</v>
      </c>
      <c r="Q69" s="57">
        <v>2500</v>
      </c>
      <c r="R69" s="47" t="s">
        <v>36</v>
      </c>
      <c r="S69" s="45"/>
      <c r="T69" s="45" t="s">
        <v>76</v>
      </c>
      <c r="U69" s="45"/>
      <c r="V69" s="48" t="s">
        <v>37</v>
      </c>
      <c r="W69" s="45" t="s">
        <v>319</v>
      </c>
    </row>
    <row r="70" spans="1:23" s="44" customFormat="1" ht="19.899999999999999" customHeight="1">
      <c r="A70" s="41">
        <v>550330051</v>
      </c>
      <c r="B70" s="42" t="s">
        <v>329</v>
      </c>
      <c r="C70" s="43" t="s">
        <v>330</v>
      </c>
      <c r="D70" s="44" t="s">
        <v>135</v>
      </c>
      <c r="E70" s="42" t="s">
        <v>303</v>
      </c>
      <c r="F70" s="42" t="s">
        <v>331</v>
      </c>
      <c r="G70" s="42" t="s">
        <v>332</v>
      </c>
      <c r="H70" s="45"/>
      <c r="I70" s="45"/>
      <c r="J70" s="45" t="s">
        <v>138</v>
      </c>
      <c r="K70" s="46" t="s">
        <v>306</v>
      </c>
      <c r="L70" s="45"/>
      <c r="M70" s="45"/>
      <c r="N70" s="45" t="s">
        <v>296</v>
      </c>
      <c r="O70" s="45" t="s">
        <v>312</v>
      </c>
      <c r="P70" s="45">
        <v>850</v>
      </c>
      <c r="Q70" s="57">
        <v>1390</v>
      </c>
      <c r="R70" s="47" t="s">
        <v>36</v>
      </c>
      <c r="S70" s="45"/>
      <c r="T70" s="45" t="s">
        <v>76</v>
      </c>
      <c r="U70" s="45"/>
      <c r="V70" s="48" t="s">
        <v>37</v>
      </c>
      <c r="W70" s="45" t="s">
        <v>333</v>
      </c>
    </row>
    <row r="71" spans="1:23" s="44" customFormat="1" ht="19.899999999999999" customHeight="1">
      <c r="A71" s="41">
        <v>550330052</v>
      </c>
      <c r="B71" s="42" t="s">
        <v>329</v>
      </c>
      <c r="C71" s="43" t="s">
        <v>334</v>
      </c>
      <c r="D71" s="44" t="s">
        <v>135</v>
      </c>
      <c r="E71" s="42" t="s">
        <v>303</v>
      </c>
      <c r="F71" s="42" t="s">
        <v>304</v>
      </c>
      <c r="G71" s="42" t="s">
        <v>335</v>
      </c>
      <c r="H71" s="45"/>
      <c r="I71" s="45"/>
      <c r="J71" s="45" t="s">
        <v>138</v>
      </c>
      <c r="K71" s="46" t="s">
        <v>306</v>
      </c>
      <c r="L71" s="45"/>
      <c r="M71" s="45"/>
      <c r="N71" s="45" t="s">
        <v>296</v>
      </c>
      <c r="O71" s="45" t="s">
        <v>312</v>
      </c>
      <c r="P71" s="45">
        <v>850</v>
      </c>
      <c r="Q71" s="45">
        <v>990</v>
      </c>
      <c r="R71" s="47" t="s">
        <v>36</v>
      </c>
      <c r="S71" s="45"/>
      <c r="T71" s="45" t="s">
        <v>76</v>
      </c>
      <c r="U71" s="45"/>
      <c r="V71" s="48" t="s">
        <v>37</v>
      </c>
      <c r="W71" s="45" t="s">
        <v>333</v>
      </c>
    </row>
    <row r="72" spans="1:23" s="44" customFormat="1" ht="19.899999999999999" customHeight="1">
      <c r="A72" s="41">
        <v>550330053</v>
      </c>
      <c r="B72" s="42" t="s">
        <v>329</v>
      </c>
      <c r="C72" s="43" t="s">
        <v>336</v>
      </c>
      <c r="D72" s="44" t="s">
        <v>135</v>
      </c>
      <c r="E72" s="42" t="s">
        <v>303</v>
      </c>
      <c r="F72" s="42" t="s">
        <v>331</v>
      </c>
      <c r="G72" s="42" t="s">
        <v>337</v>
      </c>
      <c r="H72" s="45"/>
      <c r="I72" s="45"/>
      <c r="J72" s="45" t="s">
        <v>138</v>
      </c>
      <c r="K72" s="46" t="s">
        <v>306</v>
      </c>
      <c r="L72" s="45"/>
      <c r="M72" s="45"/>
      <c r="N72" s="45" t="s">
        <v>296</v>
      </c>
      <c r="O72" s="45" t="s">
        <v>312</v>
      </c>
      <c r="P72" s="45">
        <v>850</v>
      </c>
      <c r="Q72" s="57">
        <v>1390</v>
      </c>
      <c r="R72" s="47" t="s">
        <v>36</v>
      </c>
      <c r="S72" s="45"/>
      <c r="T72" s="45" t="s">
        <v>76</v>
      </c>
      <c r="U72" s="45"/>
      <c r="V72" s="48" t="s">
        <v>37</v>
      </c>
      <c r="W72" s="45" t="s">
        <v>333</v>
      </c>
    </row>
    <row r="73" spans="1:23" s="44" customFormat="1" ht="19.899999999999999" customHeight="1">
      <c r="A73" s="41">
        <v>550330054</v>
      </c>
      <c r="B73" s="42" t="s">
        <v>329</v>
      </c>
      <c r="C73" s="43" t="s">
        <v>338</v>
      </c>
      <c r="D73" s="44" t="s">
        <v>135</v>
      </c>
      <c r="E73" s="42" t="s">
        <v>303</v>
      </c>
      <c r="F73" s="42" t="s">
        <v>331</v>
      </c>
      <c r="G73" s="42" t="s">
        <v>339</v>
      </c>
      <c r="H73" s="45"/>
      <c r="I73" s="45"/>
      <c r="J73" s="45" t="s">
        <v>138</v>
      </c>
      <c r="K73" s="46" t="s">
        <v>306</v>
      </c>
      <c r="L73" s="45"/>
      <c r="M73" s="45"/>
      <c r="N73" s="45" t="s">
        <v>296</v>
      </c>
      <c r="O73" s="45" t="s">
        <v>312</v>
      </c>
      <c r="P73" s="45">
        <v>700</v>
      </c>
      <c r="Q73" s="57">
        <v>1200</v>
      </c>
      <c r="R73" s="47" t="s">
        <v>36</v>
      </c>
      <c r="S73" s="45"/>
      <c r="T73" s="45" t="s">
        <v>76</v>
      </c>
      <c r="U73" s="45"/>
      <c r="V73" s="48" t="s">
        <v>37</v>
      </c>
      <c r="W73" s="45" t="s">
        <v>333</v>
      </c>
    </row>
    <row r="74" spans="1:23" s="44" customFormat="1" ht="19.899999999999999" customHeight="1">
      <c r="A74" s="41">
        <v>880330023</v>
      </c>
      <c r="B74" s="42"/>
      <c r="C74" s="43" t="s">
        <v>340</v>
      </c>
      <c r="D74" s="44" t="s">
        <v>135</v>
      </c>
      <c r="E74" s="42" t="s">
        <v>27</v>
      </c>
      <c r="F74" s="42" t="s">
        <v>341</v>
      </c>
      <c r="G74" s="42" t="s">
        <v>342</v>
      </c>
      <c r="H74" s="45"/>
      <c r="I74" s="45"/>
      <c r="J74" s="45" t="s">
        <v>108</v>
      </c>
      <c r="K74" s="46" t="s">
        <v>278</v>
      </c>
      <c r="L74" s="45"/>
      <c r="M74" s="45"/>
      <c r="N74" s="45" t="s">
        <v>296</v>
      </c>
      <c r="O74" s="45" t="s">
        <v>312</v>
      </c>
      <c r="P74" s="45">
        <v>600</v>
      </c>
      <c r="Q74" s="45">
        <v>850</v>
      </c>
      <c r="R74" s="45" t="s">
        <v>90</v>
      </c>
      <c r="S74" s="45"/>
      <c r="T74" s="45" t="s">
        <v>76</v>
      </c>
      <c r="U74" s="45"/>
      <c r="V74" s="48" t="s">
        <v>37</v>
      </c>
      <c r="W74" s="45" t="s">
        <v>343</v>
      </c>
    </row>
    <row r="75" spans="1:23" s="44" customFormat="1" ht="19.899999999999999" customHeight="1">
      <c r="A75" s="41">
        <v>880330024</v>
      </c>
      <c r="B75" s="42"/>
      <c r="C75" s="43" t="s">
        <v>344</v>
      </c>
      <c r="D75" s="44" t="s">
        <v>135</v>
      </c>
      <c r="E75" s="42" t="s">
        <v>27</v>
      </c>
      <c r="F75" s="42" t="s">
        <v>345</v>
      </c>
      <c r="G75" s="42" t="s">
        <v>346</v>
      </c>
      <c r="H75" s="45"/>
      <c r="I75" s="45"/>
      <c r="J75" s="45" t="s">
        <v>108</v>
      </c>
      <c r="K75" s="46" t="s">
        <v>278</v>
      </c>
      <c r="L75" s="45"/>
      <c r="M75" s="45"/>
      <c r="N75" s="45" t="s">
        <v>296</v>
      </c>
      <c r="O75" s="45" t="s">
        <v>312</v>
      </c>
      <c r="P75" s="45">
        <v>180</v>
      </c>
      <c r="Q75" s="45">
        <v>270</v>
      </c>
      <c r="R75" s="45" t="s">
        <v>90</v>
      </c>
      <c r="S75" s="45"/>
      <c r="T75" s="45" t="s">
        <v>76</v>
      </c>
      <c r="U75" s="45"/>
      <c r="V75" s="48" t="s">
        <v>37</v>
      </c>
      <c r="W75" s="45" t="s">
        <v>343</v>
      </c>
    </row>
    <row r="76" spans="1:23" s="44" customFormat="1" ht="19.899999999999999" customHeight="1">
      <c r="A76" s="41">
        <v>880330025</v>
      </c>
      <c r="B76" s="42"/>
      <c r="C76" s="43" t="s">
        <v>347</v>
      </c>
      <c r="D76" s="44" t="s">
        <v>135</v>
      </c>
      <c r="E76" s="42" t="s">
        <v>27</v>
      </c>
      <c r="F76" s="42" t="s">
        <v>341</v>
      </c>
      <c r="G76" s="42" t="s">
        <v>348</v>
      </c>
      <c r="H76" s="45"/>
      <c r="I76" s="45"/>
      <c r="J76" s="45" t="s">
        <v>108</v>
      </c>
      <c r="K76" s="46" t="s">
        <v>278</v>
      </c>
      <c r="L76" s="45"/>
      <c r="M76" s="45"/>
      <c r="N76" s="45" t="s">
        <v>296</v>
      </c>
      <c r="O76" s="45" t="s">
        <v>312</v>
      </c>
      <c r="P76" s="45">
        <v>400</v>
      </c>
      <c r="Q76" s="45">
        <v>650</v>
      </c>
      <c r="R76" s="45" t="s">
        <v>90</v>
      </c>
      <c r="S76" s="45"/>
      <c r="T76" s="45" t="s">
        <v>76</v>
      </c>
      <c r="U76" s="45"/>
      <c r="V76" s="48" t="s">
        <v>37</v>
      </c>
      <c r="W76" s="45" t="s">
        <v>343</v>
      </c>
    </row>
    <row r="77" spans="1:23" s="44" customFormat="1" ht="19.899999999999999" customHeight="1">
      <c r="A77" s="41">
        <v>880330026</v>
      </c>
      <c r="B77" s="42"/>
      <c r="C77" s="43" t="s">
        <v>349</v>
      </c>
      <c r="D77" s="44" t="s">
        <v>135</v>
      </c>
      <c r="E77" s="42" t="s">
        <v>27</v>
      </c>
      <c r="F77" s="42" t="s">
        <v>350</v>
      </c>
      <c r="G77" s="42" t="s">
        <v>351</v>
      </c>
      <c r="H77" s="45"/>
      <c r="I77" s="45"/>
      <c r="J77" s="45" t="s">
        <v>108</v>
      </c>
      <c r="K77" s="46" t="s">
        <v>278</v>
      </c>
      <c r="L77" s="45"/>
      <c r="M77" s="45"/>
      <c r="N77" s="45" t="s">
        <v>296</v>
      </c>
      <c r="O77" s="45" t="s">
        <v>312</v>
      </c>
      <c r="P77" s="45">
        <v>140</v>
      </c>
      <c r="Q77" s="45">
        <v>230</v>
      </c>
      <c r="R77" s="45" t="s">
        <v>90</v>
      </c>
      <c r="S77" s="45"/>
      <c r="T77" s="45" t="s">
        <v>76</v>
      </c>
      <c r="U77" s="45"/>
      <c r="V77" s="48" t="s">
        <v>37</v>
      </c>
      <c r="W77" s="45" t="s">
        <v>343</v>
      </c>
    </row>
    <row r="78" spans="1:23" s="44" customFormat="1" ht="19.899999999999999" customHeight="1">
      <c r="A78" s="41">
        <v>880340027</v>
      </c>
      <c r="B78" s="42"/>
      <c r="C78" s="43" t="s">
        <v>352</v>
      </c>
      <c r="D78" s="44" t="s">
        <v>137</v>
      </c>
      <c r="E78" s="42" t="s">
        <v>27</v>
      </c>
      <c r="F78" s="42" t="s">
        <v>353</v>
      </c>
      <c r="G78" s="42"/>
      <c r="H78" s="45"/>
      <c r="I78" s="45"/>
      <c r="J78" s="45" t="s">
        <v>108</v>
      </c>
      <c r="K78" s="46" t="s">
        <v>278</v>
      </c>
      <c r="L78" s="45"/>
      <c r="M78" s="45"/>
      <c r="N78" s="45" t="s">
        <v>296</v>
      </c>
      <c r="O78" s="45" t="s">
        <v>312</v>
      </c>
      <c r="P78" s="45">
        <v>45</v>
      </c>
      <c r="Q78" s="45">
        <v>70</v>
      </c>
      <c r="R78" s="45" t="s">
        <v>90</v>
      </c>
      <c r="S78" s="45"/>
      <c r="T78" s="45" t="s">
        <v>76</v>
      </c>
      <c r="U78" s="45"/>
      <c r="V78" s="48" t="s">
        <v>37</v>
      </c>
      <c r="W78" s="45" t="s">
        <v>343</v>
      </c>
    </row>
    <row r="79" spans="1:23" s="44" customFormat="1" ht="19.899999999999999" customHeight="1">
      <c r="A79" s="41">
        <v>438330005</v>
      </c>
      <c r="B79" s="42" t="s">
        <v>354</v>
      </c>
      <c r="C79" s="43" t="s">
        <v>355</v>
      </c>
      <c r="D79" s="44" t="s">
        <v>135</v>
      </c>
      <c r="E79" s="42" t="s">
        <v>303</v>
      </c>
      <c r="F79" s="42" t="s">
        <v>356</v>
      </c>
      <c r="G79" s="42" t="s">
        <v>357</v>
      </c>
      <c r="H79" s="45"/>
      <c r="I79" s="45"/>
      <c r="J79" s="45" t="s">
        <v>138</v>
      </c>
      <c r="K79" s="46" t="s">
        <v>358</v>
      </c>
      <c r="L79" s="45"/>
      <c r="M79" s="45"/>
      <c r="N79" s="45" t="s">
        <v>296</v>
      </c>
      <c r="O79" s="45" t="s">
        <v>312</v>
      </c>
      <c r="P79" s="45">
        <v>500</v>
      </c>
      <c r="Q79" s="45">
        <v>750</v>
      </c>
      <c r="R79" s="47" t="s">
        <v>36</v>
      </c>
      <c r="S79" s="45"/>
      <c r="T79" s="45" t="s">
        <v>76</v>
      </c>
      <c r="U79" s="45"/>
      <c r="V79" s="48" t="s">
        <v>37</v>
      </c>
      <c r="W79" s="45" t="s">
        <v>359</v>
      </c>
    </row>
    <row r="80" spans="1:23" s="44" customFormat="1" ht="19.899999999999999" customHeight="1">
      <c r="A80" s="41">
        <v>438330005</v>
      </c>
      <c r="B80" s="42" t="s">
        <v>354</v>
      </c>
      <c r="C80" s="43" t="s">
        <v>355</v>
      </c>
      <c r="D80" s="44" t="s">
        <v>135</v>
      </c>
      <c r="E80" s="42" t="s">
        <v>303</v>
      </c>
      <c r="F80" s="42" t="s">
        <v>356</v>
      </c>
      <c r="G80" s="42" t="s">
        <v>360</v>
      </c>
      <c r="H80" s="45"/>
      <c r="I80" s="45"/>
      <c r="J80" s="45" t="s">
        <v>138</v>
      </c>
      <c r="K80" s="46" t="s">
        <v>358</v>
      </c>
      <c r="L80" s="45"/>
      <c r="M80" s="45"/>
      <c r="N80" s="45" t="s">
        <v>296</v>
      </c>
      <c r="O80" s="45" t="s">
        <v>312</v>
      </c>
      <c r="P80" s="45">
        <v>500</v>
      </c>
      <c r="Q80" s="45">
        <v>750</v>
      </c>
      <c r="R80" s="47" t="s">
        <v>36</v>
      </c>
      <c r="S80" s="45"/>
      <c r="T80" s="45" t="s">
        <v>76</v>
      </c>
      <c r="U80" s="45"/>
      <c r="V80" s="48" t="s">
        <v>37</v>
      </c>
      <c r="W80" s="45" t="s">
        <v>359</v>
      </c>
    </row>
    <row r="81" spans="1:23" s="44" customFormat="1" ht="19.899999999999999" customHeight="1">
      <c r="A81" s="41">
        <v>438330006</v>
      </c>
      <c r="B81" s="42" t="s">
        <v>354</v>
      </c>
      <c r="C81" s="43" t="s">
        <v>361</v>
      </c>
      <c r="D81" s="44" t="s">
        <v>135</v>
      </c>
      <c r="E81" s="42" t="s">
        <v>303</v>
      </c>
      <c r="F81" s="42" t="s">
        <v>362</v>
      </c>
      <c r="G81" s="42" t="s">
        <v>363</v>
      </c>
      <c r="H81" s="45"/>
      <c r="I81" s="45"/>
      <c r="J81" s="45" t="s">
        <v>138</v>
      </c>
      <c r="K81" s="46" t="s">
        <v>358</v>
      </c>
      <c r="L81" s="45"/>
      <c r="M81" s="45"/>
      <c r="N81" s="45" t="s">
        <v>296</v>
      </c>
      <c r="O81" s="45" t="s">
        <v>312</v>
      </c>
      <c r="P81" s="57">
        <v>1200</v>
      </c>
      <c r="Q81" s="57">
        <v>1890</v>
      </c>
      <c r="R81" s="47" t="s">
        <v>36</v>
      </c>
      <c r="S81" s="45"/>
      <c r="T81" s="45" t="s">
        <v>76</v>
      </c>
      <c r="U81" s="45"/>
      <c r="V81" s="48" t="s">
        <v>37</v>
      </c>
      <c r="W81" s="45" t="s">
        <v>359</v>
      </c>
    </row>
    <row r="82" spans="1:23" s="44" customFormat="1" ht="19.899999999999999" customHeight="1">
      <c r="A82" s="41">
        <v>438330006</v>
      </c>
      <c r="B82" s="42" t="s">
        <v>354</v>
      </c>
      <c r="C82" s="43" t="s">
        <v>361</v>
      </c>
      <c r="D82" s="44" t="s">
        <v>135</v>
      </c>
      <c r="E82" s="42" t="s">
        <v>303</v>
      </c>
      <c r="F82" s="42" t="s">
        <v>362</v>
      </c>
      <c r="G82" s="42" t="s">
        <v>363</v>
      </c>
      <c r="H82" s="45"/>
      <c r="I82" s="45"/>
      <c r="J82" s="45" t="s">
        <v>138</v>
      </c>
      <c r="K82" s="46" t="s">
        <v>358</v>
      </c>
      <c r="L82" s="45"/>
      <c r="M82" s="45"/>
      <c r="N82" s="45" t="s">
        <v>296</v>
      </c>
      <c r="O82" s="45" t="s">
        <v>312</v>
      </c>
      <c r="P82" s="57">
        <v>1200</v>
      </c>
      <c r="Q82" s="57">
        <v>1890</v>
      </c>
      <c r="R82" s="45" t="s">
        <v>36</v>
      </c>
      <c r="S82" s="45"/>
      <c r="T82" s="45" t="s">
        <v>76</v>
      </c>
      <c r="U82" s="45"/>
      <c r="V82" s="48" t="s">
        <v>37</v>
      </c>
      <c r="W82" s="45" t="s">
        <v>359</v>
      </c>
    </row>
    <row r="83" spans="1:23" s="44" customFormat="1" ht="19.899999999999999" customHeight="1">
      <c r="A83" s="41">
        <v>438330007</v>
      </c>
      <c r="B83" s="42" t="s">
        <v>354</v>
      </c>
      <c r="C83" s="43" t="s">
        <v>364</v>
      </c>
      <c r="D83" s="44" t="s">
        <v>135</v>
      </c>
      <c r="E83" s="42" t="s">
        <v>303</v>
      </c>
      <c r="F83" s="42" t="s">
        <v>362</v>
      </c>
      <c r="G83" s="58" t="s">
        <v>365</v>
      </c>
      <c r="H83" s="45"/>
      <c r="I83" s="45"/>
      <c r="J83" s="45" t="s">
        <v>138</v>
      </c>
      <c r="K83" s="46" t="s">
        <v>358</v>
      </c>
      <c r="L83" s="45"/>
      <c r="M83" s="45"/>
      <c r="N83" s="45" t="s">
        <v>296</v>
      </c>
      <c r="O83" s="45" t="s">
        <v>312</v>
      </c>
      <c r="P83" s="45">
        <v>900</v>
      </c>
      <c r="Q83" s="57" t="s">
        <v>366</v>
      </c>
      <c r="R83" s="45" t="s">
        <v>36</v>
      </c>
      <c r="S83" s="45"/>
      <c r="T83" s="45" t="s">
        <v>76</v>
      </c>
      <c r="U83" s="45"/>
      <c r="V83" s="48" t="s">
        <v>37</v>
      </c>
      <c r="W83" s="45" t="s">
        <v>359</v>
      </c>
    </row>
    <row r="84" spans="1:23" s="44" customFormat="1" ht="19.899999999999999" customHeight="1">
      <c r="A84" s="41">
        <v>438330007</v>
      </c>
      <c r="B84" s="42" t="s">
        <v>354</v>
      </c>
      <c r="C84" s="43" t="s">
        <v>364</v>
      </c>
      <c r="D84" s="44" t="s">
        <v>135</v>
      </c>
      <c r="E84" s="42" t="s">
        <v>303</v>
      </c>
      <c r="F84" s="42" t="s">
        <v>362</v>
      </c>
      <c r="G84" s="58" t="s">
        <v>367</v>
      </c>
      <c r="H84" s="45"/>
      <c r="I84" s="45"/>
      <c r="J84" s="45" t="s">
        <v>138</v>
      </c>
      <c r="K84" s="46" t="s">
        <v>358</v>
      </c>
      <c r="L84" s="45"/>
      <c r="M84" s="45"/>
      <c r="N84" s="45" t="s">
        <v>296</v>
      </c>
      <c r="O84" s="45" t="s">
        <v>312</v>
      </c>
      <c r="P84" s="45">
        <v>900</v>
      </c>
      <c r="Q84" s="57" t="s">
        <v>366</v>
      </c>
      <c r="R84" s="45" t="s">
        <v>36</v>
      </c>
      <c r="S84" s="45"/>
      <c r="T84" s="45" t="s">
        <v>76</v>
      </c>
      <c r="U84" s="45"/>
      <c r="V84" s="48" t="s">
        <v>37</v>
      </c>
      <c r="W84" s="45" t="s">
        <v>359</v>
      </c>
    </row>
    <row r="85" spans="1:23" s="44" customFormat="1" ht="19.899999999999999" customHeight="1">
      <c r="A85" s="41">
        <v>438330008</v>
      </c>
      <c r="B85" s="42" t="s">
        <v>354</v>
      </c>
      <c r="C85" s="43" t="s">
        <v>368</v>
      </c>
      <c r="D85" s="44" t="s">
        <v>135</v>
      </c>
      <c r="E85" s="42" t="s">
        <v>303</v>
      </c>
      <c r="F85" s="42" t="s">
        <v>362</v>
      </c>
      <c r="G85" s="42" t="s">
        <v>369</v>
      </c>
      <c r="H85" s="45"/>
      <c r="I85" s="45"/>
      <c r="J85" s="45" t="s">
        <v>138</v>
      </c>
      <c r="K85" s="46" t="s">
        <v>358</v>
      </c>
      <c r="L85" s="45"/>
      <c r="M85" s="45"/>
      <c r="N85" s="45" t="s">
        <v>296</v>
      </c>
      <c r="O85" s="45" t="s">
        <v>312</v>
      </c>
      <c r="P85" s="57">
        <v>1100</v>
      </c>
      <c r="Q85" s="57">
        <v>1600</v>
      </c>
      <c r="R85" s="45" t="s">
        <v>36</v>
      </c>
      <c r="S85" s="45"/>
      <c r="T85" s="45" t="s">
        <v>76</v>
      </c>
      <c r="U85" s="45"/>
      <c r="V85" s="48" t="s">
        <v>37</v>
      </c>
      <c r="W85" s="45" t="s">
        <v>359</v>
      </c>
    </row>
    <row r="86" spans="1:23" s="44" customFormat="1" ht="19.899999999999999" customHeight="1">
      <c r="A86" s="41">
        <v>438330009</v>
      </c>
      <c r="B86" s="42" t="s">
        <v>354</v>
      </c>
      <c r="C86" s="43" t="s">
        <v>370</v>
      </c>
      <c r="D86" s="44" t="s">
        <v>135</v>
      </c>
      <c r="E86" s="42" t="s">
        <v>303</v>
      </c>
      <c r="F86" s="42" t="s">
        <v>362</v>
      </c>
      <c r="G86" s="58" t="s">
        <v>371</v>
      </c>
      <c r="H86" s="45"/>
      <c r="I86" s="45"/>
      <c r="J86" s="45" t="s">
        <v>138</v>
      </c>
      <c r="K86" s="46" t="s">
        <v>358</v>
      </c>
      <c r="L86" s="45"/>
      <c r="M86" s="45"/>
      <c r="N86" s="45" t="s">
        <v>296</v>
      </c>
      <c r="O86" s="45" t="s">
        <v>312</v>
      </c>
      <c r="P86" s="57">
        <v>1500</v>
      </c>
      <c r="Q86" s="57">
        <v>2300</v>
      </c>
      <c r="R86" s="45" t="s">
        <v>36</v>
      </c>
      <c r="S86" s="45"/>
      <c r="T86" s="45" t="s">
        <v>76</v>
      </c>
      <c r="U86" s="45"/>
      <c r="V86" s="48" t="s">
        <v>37</v>
      </c>
      <c r="W86" s="45" t="s">
        <v>359</v>
      </c>
    </row>
    <row r="87" spans="1:23" s="44" customFormat="1" ht="19.899999999999999" customHeight="1">
      <c r="A87" s="41">
        <v>438330009</v>
      </c>
      <c r="B87" s="42" t="s">
        <v>354</v>
      </c>
      <c r="C87" s="43" t="s">
        <v>370</v>
      </c>
      <c r="D87" s="44" t="s">
        <v>135</v>
      </c>
      <c r="E87" s="42" t="s">
        <v>303</v>
      </c>
      <c r="F87" s="42" t="s">
        <v>362</v>
      </c>
      <c r="G87" s="58" t="s">
        <v>372</v>
      </c>
      <c r="H87" s="45"/>
      <c r="I87" s="45"/>
      <c r="J87" s="45" t="s">
        <v>138</v>
      </c>
      <c r="K87" s="46" t="s">
        <v>358</v>
      </c>
      <c r="L87" s="45"/>
      <c r="M87" s="45"/>
      <c r="N87" s="45" t="s">
        <v>296</v>
      </c>
      <c r="O87" s="45" t="s">
        <v>312</v>
      </c>
      <c r="P87" s="57">
        <v>1500</v>
      </c>
      <c r="Q87" s="57">
        <v>2300</v>
      </c>
      <c r="R87" s="45" t="s">
        <v>36</v>
      </c>
      <c r="S87" s="45"/>
      <c r="T87" s="45" t="s">
        <v>76</v>
      </c>
      <c r="U87" s="45"/>
      <c r="V87" s="48" t="s">
        <v>37</v>
      </c>
      <c r="W87" s="45" t="s">
        <v>359</v>
      </c>
    </row>
    <row r="88" spans="1:23" s="44" customFormat="1" ht="19.899999999999999" customHeight="1">
      <c r="A88" s="41">
        <v>438330010</v>
      </c>
      <c r="B88" s="42" t="s">
        <v>354</v>
      </c>
      <c r="C88" s="43" t="s">
        <v>373</v>
      </c>
      <c r="D88" s="44" t="s">
        <v>135</v>
      </c>
      <c r="E88" s="42" t="s">
        <v>303</v>
      </c>
      <c r="F88" s="42" t="s">
        <v>362</v>
      </c>
      <c r="G88" s="42" t="s">
        <v>374</v>
      </c>
      <c r="H88" s="45"/>
      <c r="I88" s="45"/>
      <c r="J88" s="45" t="s">
        <v>138</v>
      </c>
      <c r="K88" s="46" t="s">
        <v>358</v>
      </c>
      <c r="L88" s="45"/>
      <c r="M88" s="45"/>
      <c r="N88" s="45" t="s">
        <v>296</v>
      </c>
      <c r="O88" s="45" t="s">
        <v>312</v>
      </c>
      <c r="P88" s="57">
        <v>1100</v>
      </c>
      <c r="Q88" s="57">
        <v>1620</v>
      </c>
      <c r="R88" s="45" t="s">
        <v>36</v>
      </c>
      <c r="S88" s="45"/>
      <c r="T88" s="45" t="s">
        <v>76</v>
      </c>
      <c r="U88" s="45"/>
      <c r="V88" s="48" t="s">
        <v>37</v>
      </c>
      <c r="W88" s="45" t="s">
        <v>359</v>
      </c>
    </row>
    <row r="89" spans="1:23" s="44" customFormat="1" ht="19.899999999999999" customHeight="1">
      <c r="A89" s="41">
        <v>438330011</v>
      </c>
      <c r="B89" s="42" t="s">
        <v>354</v>
      </c>
      <c r="C89" s="43" t="s">
        <v>375</v>
      </c>
      <c r="D89" s="44" t="s">
        <v>135</v>
      </c>
      <c r="E89" s="42" t="s">
        <v>303</v>
      </c>
      <c r="F89" s="42" t="s">
        <v>362</v>
      </c>
      <c r="G89" s="42" t="s">
        <v>376</v>
      </c>
      <c r="H89" s="45"/>
      <c r="I89" s="45"/>
      <c r="J89" s="45" t="s">
        <v>138</v>
      </c>
      <c r="K89" s="46" t="s">
        <v>358</v>
      </c>
      <c r="L89" s="45"/>
      <c r="M89" s="45"/>
      <c r="N89" s="45" t="s">
        <v>296</v>
      </c>
      <c r="O89" s="45" t="s">
        <v>312</v>
      </c>
      <c r="P89" s="45">
        <v>90</v>
      </c>
      <c r="Q89" s="57">
        <v>150</v>
      </c>
      <c r="R89" s="45" t="s">
        <v>36</v>
      </c>
      <c r="S89" s="45"/>
      <c r="T89" s="45" t="s">
        <v>76</v>
      </c>
      <c r="U89" s="45"/>
      <c r="V89" s="48" t="s">
        <v>37</v>
      </c>
      <c r="W89" s="45" t="s">
        <v>359</v>
      </c>
    </row>
    <row r="90" spans="1:23" s="44" customFormat="1" ht="19.899999999999999" customHeight="1">
      <c r="A90" s="41">
        <v>438330012</v>
      </c>
      <c r="B90" s="42" t="s">
        <v>354</v>
      </c>
      <c r="C90" s="43" t="s">
        <v>377</v>
      </c>
      <c r="D90" s="44" t="s">
        <v>135</v>
      </c>
      <c r="E90" s="42" t="s">
        <v>303</v>
      </c>
      <c r="F90" s="42" t="s">
        <v>362</v>
      </c>
      <c r="G90" s="42" t="s">
        <v>378</v>
      </c>
      <c r="H90" s="45"/>
      <c r="I90" s="45"/>
      <c r="J90" s="45" t="s">
        <v>138</v>
      </c>
      <c r="K90" s="46" t="s">
        <v>358</v>
      </c>
      <c r="L90" s="45"/>
      <c r="M90" s="45"/>
      <c r="N90" s="45" t="s">
        <v>296</v>
      </c>
      <c r="O90" s="45" t="s">
        <v>312</v>
      </c>
      <c r="P90" s="45">
        <v>70</v>
      </c>
      <c r="Q90" s="57">
        <v>130</v>
      </c>
      <c r="R90" s="45" t="s">
        <v>36</v>
      </c>
      <c r="S90" s="45"/>
      <c r="T90" s="45" t="s">
        <v>76</v>
      </c>
      <c r="U90" s="45"/>
      <c r="V90" s="48" t="s">
        <v>37</v>
      </c>
      <c r="W90" s="45" t="s">
        <v>359</v>
      </c>
    </row>
    <row r="91" spans="1:23" s="44" customFormat="1" ht="19.899999999999999" customHeight="1">
      <c r="A91" s="41">
        <v>438340013</v>
      </c>
      <c r="B91" s="42" t="s">
        <v>354</v>
      </c>
      <c r="C91" s="43" t="s">
        <v>379</v>
      </c>
      <c r="D91" s="44" t="s">
        <v>137</v>
      </c>
      <c r="E91" s="42" t="s">
        <v>303</v>
      </c>
      <c r="F91" s="42" t="s">
        <v>362</v>
      </c>
      <c r="G91" s="42"/>
      <c r="H91" s="45"/>
      <c r="I91" s="45"/>
      <c r="J91" s="45" t="s">
        <v>138</v>
      </c>
      <c r="K91" s="46" t="s">
        <v>358</v>
      </c>
      <c r="L91" s="45"/>
      <c r="M91" s="45"/>
      <c r="N91" s="45" t="s">
        <v>296</v>
      </c>
      <c r="O91" s="45" t="s">
        <v>312</v>
      </c>
      <c r="P91" s="45">
        <v>40</v>
      </c>
      <c r="Q91" s="57">
        <v>80</v>
      </c>
      <c r="R91" s="45" t="s">
        <v>36</v>
      </c>
      <c r="S91" s="45"/>
      <c r="T91" s="45" t="s">
        <v>76</v>
      </c>
      <c r="U91" s="45"/>
      <c r="V91" s="48" t="s">
        <v>37</v>
      </c>
      <c r="W91" s="45" t="s">
        <v>359</v>
      </c>
    </row>
    <row r="92" spans="1:23" s="44" customFormat="1" ht="19.899999999999999" customHeight="1">
      <c r="A92" s="41">
        <v>438340014</v>
      </c>
      <c r="B92" s="42" t="s">
        <v>354</v>
      </c>
      <c r="C92" s="43" t="s">
        <v>380</v>
      </c>
      <c r="D92" s="44" t="s">
        <v>137</v>
      </c>
      <c r="E92" s="42" t="s">
        <v>303</v>
      </c>
      <c r="F92" s="42" t="s">
        <v>362</v>
      </c>
      <c r="G92" s="42"/>
      <c r="H92" s="45"/>
      <c r="I92" s="45"/>
      <c r="J92" s="45" t="s">
        <v>138</v>
      </c>
      <c r="K92" s="46" t="s">
        <v>358</v>
      </c>
      <c r="L92" s="45"/>
      <c r="M92" s="45"/>
      <c r="N92" s="45" t="s">
        <v>296</v>
      </c>
      <c r="O92" s="45" t="s">
        <v>312</v>
      </c>
      <c r="P92" s="45">
        <v>30</v>
      </c>
      <c r="Q92" s="57">
        <v>65</v>
      </c>
      <c r="R92" s="45" t="s">
        <v>36</v>
      </c>
      <c r="S92" s="45"/>
      <c r="T92" s="45" t="s">
        <v>76</v>
      </c>
      <c r="U92" s="45"/>
      <c r="V92" s="48" t="s">
        <v>37</v>
      </c>
      <c r="W92" s="45" t="s">
        <v>359</v>
      </c>
    </row>
    <row r="93" spans="1:23" s="44" customFormat="1" ht="19.899999999999999" customHeight="1">
      <c r="A93" s="41">
        <v>438330033</v>
      </c>
      <c r="B93" s="42" t="s">
        <v>354</v>
      </c>
      <c r="C93" s="43" t="s">
        <v>381</v>
      </c>
      <c r="D93" s="44" t="s">
        <v>135</v>
      </c>
      <c r="E93" s="42" t="s">
        <v>303</v>
      </c>
      <c r="F93" s="42" t="s">
        <v>362</v>
      </c>
      <c r="G93" s="42" t="s">
        <v>382</v>
      </c>
      <c r="H93" s="45"/>
      <c r="I93" s="45"/>
      <c r="J93" s="45" t="s">
        <v>138</v>
      </c>
      <c r="K93" s="46" t="s">
        <v>358</v>
      </c>
      <c r="L93" s="45"/>
      <c r="M93" s="45"/>
      <c r="N93" s="45" t="s">
        <v>296</v>
      </c>
      <c r="O93" s="45" t="s">
        <v>312</v>
      </c>
      <c r="P93" s="45">
        <v>800</v>
      </c>
      <c r="Q93" s="57">
        <v>1580</v>
      </c>
      <c r="R93" s="45" t="s">
        <v>36</v>
      </c>
      <c r="S93" s="45"/>
      <c r="T93" s="45" t="s">
        <v>76</v>
      </c>
      <c r="U93" s="45"/>
      <c r="V93" s="48" t="s">
        <v>37</v>
      </c>
      <c r="W93" s="45" t="s">
        <v>359</v>
      </c>
    </row>
    <row r="94" spans="1:23" s="44" customFormat="1" ht="19.899999999999999" customHeight="1">
      <c r="A94" s="41">
        <v>438330001</v>
      </c>
      <c r="B94" s="42" t="s">
        <v>354</v>
      </c>
      <c r="C94" s="43" t="s">
        <v>383</v>
      </c>
      <c r="D94" s="44" t="s">
        <v>135</v>
      </c>
      <c r="E94" s="42" t="s">
        <v>86</v>
      </c>
      <c r="F94" s="42" t="s">
        <v>362</v>
      </c>
      <c r="G94" s="42" t="s">
        <v>384</v>
      </c>
      <c r="H94" s="45"/>
      <c r="I94" s="45"/>
      <c r="J94" s="45" t="s">
        <v>138</v>
      </c>
      <c r="K94" s="46" t="s">
        <v>358</v>
      </c>
      <c r="L94" s="45"/>
      <c r="M94" s="45"/>
      <c r="N94" s="45" t="s">
        <v>296</v>
      </c>
      <c r="O94" s="45" t="s">
        <v>312</v>
      </c>
      <c r="P94" s="45">
        <v>280</v>
      </c>
      <c r="Q94" s="57">
        <v>500</v>
      </c>
      <c r="R94" s="45" t="s">
        <v>36</v>
      </c>
      <c r="S94" s="45"/>
      <c r="T94" s="45" t="s">
        <v>76</v>
      </c>
      <c r="U94" s="45"/>
      <c r="V94" s="48" t="s">
        <v>37</v>
      </c>
      <c r="W94" s="45" t="s">
        <v>359</v>
      </c>
    </row>
    <row r="95" spans="1:23" s="44" customFormat="1" ht="19.899999999999999" customHeight="1">
      <c r="A95" s="41">
        <v>438330002</v>
      </c>
      <c r="B95" s="42" t="s">
        <v>354</v>
      </c>
      <c r="C95" s="43" t="s">
        <v>385</v>
      </c>
      <c r="D95" s="44" t="s">
        <v>135</v>
      </c>
      <c r="E95" s="42" t="s">
        <v>86</v>
      </c>
      <c r="F95" s="42" t="s">
        <v>362</v>
      </c>
      <c r="G95" s="42" t="s">
        <v>386</v>
      </c>
      <c r="H95" s="45"/>
      <c r="I95" s="45"/>
      <c r="J95" s="45" t="s">
        <v>138</v>
      </c>
      <c r="K95" s="46" t="s">
        <v>358</v>
      </c>
      <c r="L95" s="45"/>
      <c r="M95" s="45"/>
      <c r="N95" s="45" t="s">
        <v>296</v>
      </c>
      <c r="O95" s="45" t="s">
        <v>312</v>
      </c>
      <c r="P95" s="45">
        <v>450</v>
      </c>
      <c r="Q95" s="57">
        <v>800</v>
      </c>
      <c r="R95" s="45" t="s">
        <v>36</v>
      </c>
      <c r="S95" s="45"/>
      <c r="T95" s="45" t="s">
        <v>76</v>
      </c>
      <c r="U95" s="45"/>
      <c r="V95" s="48" t="s">
        <v>37</v>
      </c>
      <c r="W95" s="45" t="s">
        <v>359</v>
      </c>
    </row>
    <row r="96" spans="1:23" s="44" customFormat="1" ht="19.899999999999999" customHeight="1">
      <c r="A96" s="41">
        <v>330330001</v>
      </c>
      <c r="B96" s="42"/>
      <c r="C96" s="43" t="s">
        <v>387</v>
      </c>
      <c r="D96" s="44" t="s">
        <v>135</v>
      </c>
      <c r="E96" s="42" t="s">
        <v>27</v>
      </c>
      <c r="F96" s="42" t="s">
        <v>388</v>
      </c>
      <c r="G96" s="42"/>
      <c r="H96" s="45"/>
      <c r="I96" s="45"/>
      <c r="J96" s="45" t="s">
        <v>294</v>
      </c>
      <c r="K96" s="46" t="s">
        <v>389</v>
      </c>
      <c r="L96" s="45"/>
      <c r="M96" s="45"/>
      <c r="N96" s="45" t="s">
        <v>296</v>
      </c>
      <c r="O96" s="45" t="s">
        <v>312</v>
      </c>
      <c r="P96" s="45">
        <v>35</v>
      </c>
      <c r="Q96" s="45">
        <v>70</v>
      </c>
      <c r="R96" s="45" t="s">
        <v>36</v>
      </c>
      <c r="S96" s="45"/>
      <c r="T96" s="45" t="s">
        <v>76</v>
      </c>
      <c r="U96" s="45"/>
      <c r="V96" s="48" t="s">
        <v>37</v>
      </c>
      <c r="W96" s="45" t="s">
        <v>390</v>
      </c>
    </row>
    <row r="97" spans="1:23" s="44" customFormat="1" ht="19.899999999999999" customHeight="1">
      <c r="A97" s="41">
        <v>330330002</v>
      </c>
      <c r="B97" s="42"/>
      <c r="C97" s="43" t="s">
        <v>391</v>
      </c>
      <c r="D97" s="44" t="s">
        <v>135</v>
      </c>
      <c r="E97" s="42" t="s">
        <v>27</v>
      </c>
      <c r="F97" s="42" t="s">
        <v>388</v>
      </c>
      <c r="G97" s="42"/>
      <c r="H97" s="45"/>
      <c r="I97" s="45"/>
      <c r="J97" s="45" t="s">
        <v>294</v>
      </c>
      <c r="K97" s="46" t="s">
        <v>389</v>
      </c>
      <c r="L97" s="45"/>
      <c r="M97" s="45"/>
      <c r="N97" s="45" t="s">
        <v>296</v>
      </c>
      <c r="O97" s="45" t="s">
        <v>312</v>
      </c>
      <c r="P97" s="45">
        <v>150</v>
      </c>
      <c r="Q97" s="45">
        <v>290</v>
      </c>
      <c r="R97" s="45" t="s">
        <v>36</v>
      </c>
      <c r="S97" s="45"/>
      <c r="T97" s="45" t="s">
        <v>76</v>
      </c>
      <c r="U97" s="45"/>
      <c r="V97" s="48" t="s">
        <v>37</v>
      </c>
      <c r="W97" s="45" t="s">
        <v>390</v>
      </c>
    </row>
    <row r="98" spans="1:23" s="44" customFormat="1" ht="19.899999999999999" customHeight="1">
      <c r="A98" s="41">
        <v>446330008</v>
      </c>
      <c r="B98" s="42" t="s">
        <v>392</v>
      </c>
      <c r="C98" s="43" t="s">
        <v>393</v>
      </c>
      <c r="D98" s="44" t="s">
        <v>135</v>
      </c>
      <c r="E98" s="42" t="s">
        <v>86</v>
      </c>
      <c r="F98" s="42" t="s">
        <v>394</v>
      </c>
      <c r="G98" s="42" t="s">
        <v>395</v>
      </c>
      <c r="H98" s="45"/>
      <c r="I98" s="45"/>
      <c r="J98" s="45" t="s">
        <v>396</v>
      </c>
      <c r="K98" s="46" t="s">
        <v>389</v>
      </c>
      <c r="L98" s="45"/>
      <c r="M98" s="45"/>
      <c r="N98" s="45" t="s">
        <v>296</v>
      </c>
      <c r="O98" s="45" t="s">
        <v>312</v>
      </c>
      <c r="P98" s="45">
        <v>100</v>
      </c>
      <c r="Q98" s="45">
        <v>180</v>
      </c>
      <c r="R98" s="45" t="s">
        <v>36</v>
      </c>
      <c r="S98" s="45"/>
      <c r="T98" s="45" t="s">
        <v>76</v>
      </c>
      <c r="U98" s="45"/>
      <c r="V98" s="48" t="s">
        <v>37</v>
      </c>
      <c r="W98" s="45" t="s">
        <v>397</v>
      </c>
    </row>
    <row r="99" spans="1:23" s="44" customFormat="1" ht="19.899999999999999" customHeight="1">
      <c r="A99" s="41">
        <v>446330009</v>
      </c>
      <c r="B99" s="42" t="s">
        <v>392</v>
      </c>
      <c r="C99" s="43" t="s">
        <v>398</v>
      </c>
      <c r="D99" s="44" t="s">
        <v>135</v>
      </c>
      <c r="E99" s="42" t="s">
        <v>86</v>
      </c>
      <c r="F99" s="42" t="s">
        <v>394</v>
      </c>
      <c r="G99" s="42" t="s">
        <v>399</v>
      </c>
      <c r="H99" s="45"/>
      <c r="I99" s="45"/>
      <c r="J99" s="45" t="s">
        <v>396</v>
      </c>
      <c r="K99" s="46" t="s">
        <v>389</v>
      </c>
      <c r="L99" s="45"/>
      <c r="M99" s="45"/>
      <c r="N99" s="45" t="s">
        <v>296</v>
      </c>
      <c r="O99" s="45" t="s">
        <v>312</v>
      </c>
      <c r="P99" s="45">
        <v>90</v>
      </c>
      <c r="Q99" s="45">
        <v>180</v>
      </c>
      <c r="R99" s="45" t="s">
        <v>36</v>
      </c>
      <c r="S99" s="45"/>
      <c r="T99" s="45" t="s">
        <v>76</v>
      </c>
      <c r="U99" s="45"/>
      <c r="V99" s="48" t="s">
        <v>37</v>
      </c>
      <c r="W99" s="45" t="s">
        <v>397</v>
      </c>
    </row>
    <row r="100" spans="1:23" s="44" customFormat="1" ht="19.899999999999999" customHeight="1">
      <c r="A100" s="41">
        <v>776330068</v>
      </c>
      <c r="B100" s="42"/>
      <c r="C100" s="43" t="s">
        <v>400</v>
      </c>
      <c r="D100" s="44" t="s">
        <v>135</v>
      </c>
      <c r="E100" s="42" t="s">
        <v>27</v>
      </c>
      <c r="F100" s="58" t="s">
        <v>401</v>
      </c>
      <c r="G100" s="42" t="s">
        <v>402</v>
      </c>
      <c r="H100" s="45"/>
      <c r="I100" s="45"/>
      <c r="J100" s="45" t="s">
        <v>403</v>
      </c>
      <c r="K100" s="46" t="s">
        <v>404</v>
      </c>
      <c r="L100" s="45"/>
      <c r="M100" s="45"/>
      <c r="N100" s="45" t="s">
        <v>296</v>
      </c>
      <c r="O100" s="45" t="s">
        <v>312</v>
      </c>
      <c r="P100" s="45">
        <v>450</v>
      </c>
      <c r="Q100" s="45">
        <v>690</v>
      </c>
      <c r="R100" s="45" t="s">
        <v>36</v>
      </c>
      <c r="S100" s="45"/>
      <c r="T100" s="45" t="s">
        <v>76</v>
      </c>
      <c r="U100" s="45"/>
      <c r="V100" s="48" t="s">
        <v>37</v>
      </c>
      <c r="W100" s="45" t="s">
        <v>405</v>
      </c>
    </row>
    <row r="101" spans="1:23" s="44" customFormat="1" ht="19.899999999999999" customHeight="1">
      <c r="A101" s="41">
        <v>776330068</v>
      </c>
      <c r="B101" s="42"/>
      <c r="C101" s="43" t="s">
        <v>400</v>
      </c>
      <c r="D101" s="44" t="s">
        <v>135</v>
      </c>
      <c r="E101" s="42" t="s">
        <v>27</v>
      </c>
      <c r="F101" s="58" t="s">
        <v>401</v>
      </c>
      <c r="G101" s="42" t="s">
        <v>402</v>
      </c>
      <c r="H101" s="45"/>
      <c r="I101" s="45"/>
      <c r="J101" s="45" t="s">
        <v>403</v>
      </c>
      <c r="K101" s="46" t="s">
        <v>404</v>
      </c>
      <c r="L101" s="45"/>
      <c r="M101" s="45"/>
      <c r="N101" s="45" t="s">
        <v>296</v>
      </c>
      <c r="O101" s="45" t="s">
        <v>312</v>
      </c>
      <c r="P101" s="45">
        <v>450</v>
      </c>
      <c r="Q101" s="45">
        <v>690</v>
      </c>
      <c r="R101" s="45" t="s">
        <v>36</v>
      </c>
      <c r="S101" s="45"/>
      <c r="T101" s="45" t="s">
        <v>76</v>
      </c>
      <c r="U101" s="45"/>
      <c r="V101" s="48" t="s">
        <v>37</v>
      </c>
      <c r="W101" s="45" t="s">
        <v>405</v>
      </c>
    </row>
    <row r="102" spans="1:23" s="44" customFormat="1" ht="19.899999999999999" customHeight="1">
      <c r="A102" s="41">
        <v>564330023</v>
      </c>
      <c r="B102" s="42"/>
      <c r="C102" s="43" t="s">
        <v>406</v>
      </c>
      <c r="D102" s="44" t="s">
        <v>135</v>
      </c>
      <c r="E102" s="42" t="s">
        <v>86</v>
      </c>
      <c r="F102" s="58" t="s">
        <v>407</v>
      </c>
      <c r="G102" s="42" t="s">
        <v>408</v>
      </c>
      <c r="H102" s="45"/>
      <c r="I102" s="45"/>
      <c r="J102" s="45" t="s">
        <v>396</v>
      </c>
      <c r="K102" s="46" t="s">
        <v>404</v>
      </c>
      <c r="L102" s="45"/>
      <c r="M102" s="45"/>
      <c r="N102" s="45" t="s">
        <v>409</v>
      </c>
      <c r="O102" s="45" t="s">
        <v>312</v>
      </c>
      <c r="P102" s="45">
        <v>150</v>
      </c>
      <c r="Q102" s="45">
        <v>250</v>
      </c>
      <c r="R102" s="45" t="s">
        <v>36</v>
      </c>
      <c r="S102" s="45"/>
      <c r="T102" s="45" t="s">
        <v>76</v>
      </c>
      <c r="U102" s="45"/>
      <c r="V102" s="48" t="s">
        <v>37</v>
      </c>
      <c r="W102" s="45" t="s">
        <v>410</v>
      </c>
    </row>
    <row r="103" spans="1:23" s="44" customFormat="1" ht="19.899999999999999" customHeight="1">
      <c r="A103" s="59">
        <v>564330024</v>
      </c>
      <c r="B103" s="42"/>
      <c r="C103" s="43" t="s">
        <v>411</v>
      </c>
      <c r="D103" s="44" t="s">
        <v>135</v>
      </c>
      <c r="E103" s="42" t="s">
        <v>303</v>
      </c>
      <c r="F103" s="58" t="s">
        <v>412</v>
      </c>
      <c r="G103" s="42" t="s">
        <v>413</v>
      </c>
      <c r="H103" s="45"/>
      <c r="I103" s="45"/>
      <c r="J103" s="45" t="s">
        <v>396</v>
      </c>
      <c r="K103" s="46" t="s">
        <v>389</v>
      </c>
      <c r="L103" s="45"/>
      <c r="M103" s="45"/>
      <c r="N103" s="45" t="s">
        <v>409</v>
      </c>
      <c r="O103" s="45" t="s">
        <v>312</v>
      </c>
      <c r="P103" s="45">
        <v>450</v>
      </c>
      <c r="Q103" s="45">
        <v>690</v>
      </c>
      <c r="R103" s="45" t="s">
        <v>36</v>
      </c>
      <c r="S103" s="45"/>
      <c r="T103" s="45" t="s">
        <v>76</v>
      </c>
      <c r="U103" s="45"/>
      <c r="V103" s="48" t="s">
        <v>37</v>
      </c>
      <c r="W103" s="45" t="s">
        <v>414</v>
      </c>
    </row>
    <row r="104" spans="1:23" s="44" customFormat="1" ht="19.899999999999999" customHeight="1">
      <c r="A104" s="59">
        <v>564330025</v>
      </c>
      <c r="B104" s="42"/>
      <c r="C104" s="43" t="s">
        <v>415</v>
      </c>
      <c r="D104" s="44" t="s">
        <v>135</v>
      </c>
      <c r="E104" s="42" t="s">
        <v>303</v>
      </c>
      <c r="F104" s="58" t="s">
        <v>412</v>
      </c>
      <c r="G104" s="42" t="s">
        <v>416</v>
      </c>
      <c r="H104" s="45"/>
      <c r="I104" s="45"/>
      <c r="J104" s="45" t="s">
        <v>396</v>
      </c>
      <c r="K104" s="46" t="s">
        <v>389</v>
      </c>
      <c r="L104" s="45"/>
      <c r="M104" s="45"/>
      <c r="N104" s="45" t="s">
        <v>409</v>
      </c>
      <c r="O104" s="45" t="s">
        <v>312</v>
      </c>
      <c r="P104" s="45">
        <v>450</v>
      </c>
      <c r="Q104" s="45">
        <v>690</v>
      </c>
      <c r="R104" s="45" t="s">
        <v>36</v>
      </c>
      <c r="S104" s="45"/>
      <c r="T104" s="45" t="s">
        <v>76</v>
      </c>
      <c r="U104" s="45"/>
      <c r="V104" s="48" t="s">
        <v>37</v>
      </c>
      <c r="W104" s="45" t="s">
        <v>414</v>
      </c>
    </row>
    <row r="105" spans="1:23" s="44" customFormat="1" ht="19.899999999999999" customHeight="1">
      <c r="A105" s="59">
        <v>564330026</v>
      </c>
      <c r="B105" s="42"/>
      <c r="C105" s="43" t="s">
        <v>417</v>
      </c>
      <c r="D105" s="44" t="s">
        <v>135</v>
      </c>
      <c r="E105" s="42" t="s">
        <v>303</v>
      </c>
      <c r="F105" s="58" t="s">
        <v>412</v>
      </c>
      <c r="G105" s="42" t="s">
        <v>416</v>
      </c>
      <c r="H105" s="45"/>
      <c r="I105" s="45"/>
      <c r="J105" s="45" t="s">
        <v>396</v>
      </c>
      <c r="K105" s="46" t="s">
        <v>389</v>
      </c>
      <c r="L105" s="45"/>
      <c r="M105" s="45"/>
      <c r="N105" s="45" t="s">
        <v>409</v>
      </c>
      <c r="O105" s="45" t="s">
        <v>312</v>
      </c>
      <c r="P105" s="45">
        <v>700</v>
      </c>
      <c r="Q105" s="45">
        <v>1100</v>
      </c>
      <c r="R105" s="45" t="s">
        <v>36</v>
      </c>
      <c r="S105" s="45"/>
      <c r="T105" s="45" t="s">
        <v>76</v>
      </c>
      <c r="U105" s="45"/>
      <c r="V105" s="48" t="s">
        <v>37</v>
      </c>
      <c r="W105" s="45" t="s">
        <v>414</v>
      </c>
    </row>
    <row r="106" spans="1:23" s="44" customFormat="1" ht="19.899999999999999" customHeight="1">
      <c r="A106" s="59">
        <v>337330040</v>
      </c>
      <c r="B106" s="42" t="s">
        <v>418</v>
      </c>
      <c r="C106" s="43" t="s">
        <v>419</v>
      </c>
      <c r="D106" s="44" t="s">
        <v>135</v>
      </c>
      <c r="E106" s="42" t="s">
        <v>27</v>
      </c>
      <c r="F106" s="58" t="s">
        <v>420</v>
      </c>
      <c r="G106" s="42" t="s">
        <v>421</v>
      </c>
      <c r="H106" s="45"/>
      <c r="I106" s="45"/>
      <c r="J106" s="45" t="s">
        <v>396</v>
      </c>
      <c r="K106" s="46" t="s">
        <v>389</v>
      </c>
      <c r="L106" s="45"/>
      <c r="M106" s="45"/>
      <c r="N106" s="45" t="s">
        <v>409</v>
      </c>
      <c r="O106" s="45" t="s">
        <v>422</v>
      </c>
      <c r="P106" s="45">
        <v>300</v>
      </c>
      <c r="Q106" s="45">
        <v>420</v>
      </c>
      <c r="R106" s="45" t="s">
        <v>36</v>
      </c>
      <c r="S106" s="45"/>
      <c r="T106" s="45" t="s">
        <v>423</v>
      </c>
      <c r="U106" s="45"/>
      <c r="V106" s="48" t="s">
        <v>37</v>
      </c>
      <c r="W106" s="45" t="s">
        <v>424</v>
      </c>
    </row>
    <row r="107" spans="1:23" s="44" customFormat="1" ht="19.899999999999999" customHeight="1">
      <c r="A107" s="59">
        <v>337330041</v>
      </c>
      <c r="B107" s="42" t="s">
        <v>418</v>
      </c>
      <c r="C107" s="43" t="s">
        <v>425</v>
      </c>
      <c r="D107" s="44" t="s">
        <v>135</v>
      </c>
      <c r="E107" s="42" t="s">
        <v>27</v>
      </c>
      <c r="F107" s="58" t="s">
        <v>420</v>
      </c>
      <c r="G107" s="42" t="s">
        <v>426</v>
      </c>
      <c r="H107" s="45"/>
      <c r="I107" s="45"/>
      <c r="J107" s="45" t="s">
        <v>396</v>
      </c>
      <c r="K107" s="46" t="s">
        <v>389</v>
      </c>
      <c r="L107" s="45"/>
      <c r="M107" s="45"/>
      <c r="N107" s="45" t="s">
        <v>409</v>
      </c>
      <c r="O107" s="45" t="s">
        <v>422</v>
      </c>
      <c r="P107" s="45">
        <v>350</v>
      </c>
      <c r="Q107" s="45">
        <v>670</v>
      </c>
      <c r="R107" s="45" t="s">
        <v>36</v>
      </c>
      <c r="S107" s="45"/>
      <c r="T107" s="45" t="s">
        <v>423</v>
      </c>
      <c r="U107" s="45"/>
      <c r="V107" s="48" t="s">
        <v>37</v>
      </c>
      <c r="W107" s="45" t="s">
        <v>424</v>
      </c>
    </row>
    <row r="108" spans="1:23" s="44" customFormat="1" ht="19.899999999999999" customHeight="1">
      <c r="A108" s="60">
        <v>337330043</v>
      </c>
      <c r="B108" s="61" t="s">
        <v>418</v>
      </c>
      <c r="C108" s="43" t="s">
        <v>427</v>
      </c>
      <c r="D108" s="44" t="s">
        <v>135</v>
      </c>
      <c r="E108" s="61" t="s">
        <v>27</v>
      </c>
      <c r="F108" s="62" t="s">
        <v>420</v>
      </c>
      <c r="G108" s="61" t="s">
        <v>428</v>
      </c>
      <c r="H108" s="63"/>
      <c r="I108" s="63"/>
      <c r="J108" s="63" t="s">
        <v>396</v>
      </c>
      <c r="K108" s="64" t="s">
        <v>389</v>
      </c>
      <c r="L108" s="63"/>
      <c r="M108" s="63"/>
      <c r="N108" s="63" t="s">
        <v>409</v>
      </c>
      <c r="O108" s="63" t="s">
        <v>422</v>
      </c>
      <c r="P108" s="63">
        <v>300</v>
      </c>
      <c r="Q108" s="63">
        <v>450</v>
      </c>
      <c r="R108" s="63" t="s">
        <v>36</v>
      </c>
      <c r="S108" s="63"/>
      <c r="T108" s="63" t="s">
        <v>423</v>
      </c>
      <c r="U108" s="63"/>
      <c r="V108" s="48" t="s">
        <v>37</v>
      </c>
      <c r="W108" s="63" t="s">
        <v>424</v>
      </c>
    </row>
    <row r="109" spans="1:23" s="44" customFormat="1" ht="19.899999999999999" customHeight="1">
      <c r="A109" s="59">
        <v>337330050</v>
      </c>
      <c r="B109" s="42" t="s">
        <v>418</v>
      </c>
      <c r="C109" s="43" t="s">
        <v>429</v>
      </c>
      <c r="D109" s="44" t="s">
        <v>135</v>
      </c>
      <c r="E109" s="42" t="s">
        <v>430</v>
      </c>
      <c r="F109" s="58" t="s">
        <v>420</v>
      </c>
      <c r="G109" s="42" t="s">
        <v>431</v>
      </c>
      <c r="H109" s="45"/>
      <c r="I109" s="45"/>
      <c r="J109" s="45" t="s">
        <v>396</v>
      </c>
      <c r="K109" s="46" t="s">
        <v>389</v>
      </c>
      <c r="L109" s="45"/>
      <c r="M109" s="45"/>
      <c r="N109" s="45" t="s">
        <v>409</v>
      </c>
      <c r="O109" s="45" t="s">
        <v>422</v>
      </c>
      <c r="P109" s="45">
        <v>250</v>
      </c>
      <c r="Q109" s="45">
        <v>390</v>
      </c>
      <c r="R109" s="45" t="s">
        <v>36</v>
      </c>
      <c r="S109" s="45"/>
      <c r="T109" s="45" t="s">
        <v>423</v>
      </c>
      <c r="U109" s="45"/>
      <c r="V109" s="48" t="s">
        <v>37</v>
      </c>
      <c r="W109" s="45" t="s">
        <v>424</v>
      </c>
    </row>
    <row r="110" spans="1:23" s="44" customFormat="1" ht="19.899999999999999" customHeight="1">
      <c r="A110" s="59">
        <v>337350007</v>
      </c>
      <c r="B110" s="42" t="s">
        <v>418</v>
      </c>
      <c r="C110" s="43" t="s">
        <v>432</v>
      </c>
      <c r="D110" s="44" t="s">
        <v>765</v>
      </c>
      <c r="E110" s="42" t="s">
        <v>27</v>
      </c>
      <c r="F110" s="58" t="s">
        <v>420</v>
      </c>
      <c r="G110" s="42" t="s">
        <v>433</v>
      </c>
      <c r="H110" s="45"/>
      <c r="I110" s="45"/>
      <c r="J110" s="45" t="s">
        <v>396</v>
      </c>
      <c r="K110" s="46" t="s">
        <v>389</v>
      </c>
      <c r="L110" s="45"/>
      <c r="M110" s="45"/>
      <c r="N110" s="45" t="s">
        <v>409</v>
      </c>
      <c r="O110" s="45" t="s">
        <v>422</v>
      </c>
      <c r="P110" s="45">
        <v>100</v>
      </c>
      <c r="Q110" s="45">
        <v>150</v>
      </c>
      <c r="R110" s="45" t="s">
        <v>36</v>
      </c>
      <c r="S110" s="45"/>
      <c r="T110" s="45" t="s">
        <v>423</v>
      </c>
      <c r="U110" s="45"/>
      <c r="V110" s="48" t="s">
        <v>37</v>
      </c>
      <c r="W110" s="45" t="s">
        <v>424</v>
      </c>
    </row>
    <row r="111" spans="1:23" s="44" customFormat="1" ht="19.899999999999999" customHeight="1">
      <c r="A111" s="59">
        <v>337330068</v>
      </c>
      <c r="B111" s="42" t="s">
        <v>418</v>
      </c>
      <c r="C111" s="43" t="s">
        <v>434</v>
      </c>
      <c r="D111" s="44" t="s">
        <v>135</v>
      </c>
      <c r="E111" s="42" t="s">
        <v>27</v>
      </c>
      <c r="F111" s="58" t="s">
        <v>420</v>
      </c>
      <c r="G111" s="42" t="s">
        <v>435</v>
      </c>
      <c r="H111" s="45"/>
      <c r="I111" s="45"/>
      <c r="J111" s="45" t="s">
        <v>396</v>
      </c>
      <c r="K111" s="46" t="s">
        <v>389</v>
      </c>
      <c r="L111" s="45"/>
      <c r="M111" s="45"/>
      <c r="N111" s="45" t="s">
        <v>409</v>
      </c>
      <c r="O111" s="45" t="s">
        <v>422</v>
      </c>
      <c r="P111" s="45">
        <v>38</v>
      </c>
      <c r="Q111" s="45">
        <v>55</v>
      </c>
      <c r="R111" s="45" t="s">
        <v>36</v>
      </c>
      <c r="S111" s="45"/>
      <c r="T111" s="45" t="s">
        <v>423</v>
      </c>
      <c r="U111" s="45"/>
      <c r="V111" s="48" t="s">
        <v>37</v>
      </c>
      <c r="W111" s="45" t="s">
        <v>424</v>
      </c>
    </row>
    <row r="112" spans="1:23" s="44" customFormat="1" ht="19.899999999999999" customHeight="1">
      <c r="A112" s="59">
        <v>446340118</v>
      </c>
      <c r="B112" s="42" t="s">
        <v>418</v>
      </c>
      <c r="C112" s="43" t="s">
        <v>436</v>
      </c>
      <c r="D112" s="44" t="s">
        <v>137</v>
      </c>
      <c r="E112" s="42" t="s">
        <v>437</v>
      </c>
      <c r="F112" s="58" t="s">
        <v>438</v>
      </c>
      <c r="G112" s="42" t="s">
        <v>439</v>
      </c>
      <c r="H112" s="45"/>
      <c r="I112" s="45"/>
      <c r="J112" s="45" t="s">
        <v>396</v>
      </c>
      <c r="K112" s="46" t="s">
        <v>389</v>
      </c>
      <c r="L112" s="45"/>
      <c r="M112" s="45"/>
      <c r="N112" s="45" t="s">
        <v>409</v>
      </c>
      <c r="O112" s="45" t="s">
        <v>422</v>
      </c>
      <c r="P112" s="45">
        <v>200</v>
      </c>
      <c r="Q112" s="45">
        <v>270</v>
      </c>
      <c r="R112" s="45" t="s">
        <v>36</v>
      </c>
      <c r="S112" s="45"/>
      <c r="T112" s="45" t="s">
        <v>423</v>
      </c>
      <c r="U112" s="45"/>
      <c r="V112" s="48" t="s">
        <v>37</v>
      </c>
      <c r="W112" s="45" t="s">
        <v>424</v>
      </c>
    </row>
    <row r="113" spans="1:23" s="44" customFormat="1" ht="19.899999999999999" customHeight="1">
      <c r="A113" s="59">
        <v>337330046</v>
      </c>
      <c r="B113" s="42" t="s">
        <v>418</v>
      </c>
      <c r="C113" s="43" t="s">
        <v>440</v>
      </c>
      <c r="D113" s="44" t="s">
        <v>135</v>
      </c>
      <c r="E113" s="42" t="s">
        <v>27</v>
      </c>
      <c r="F113" s="58" t="s">
        <v>420</v>
      </c>
      <c r="G113" s="42" t="s">
        <v>441</v>
      </c>
      <c r="H113" s="45"/>
      <c r="I113" s="45"/>
      <c r="J113" s="45" t="s">
        <v>396</v>
      </c>
      <c r="K113" s="46" t="s">
        <v>389</v>
      </c>
      <c r="L113" s="45"/>
      <c r="M113" s="45"/>
      <c r="N113" s="45" t="s">
        <v>409</v>
      </c>
      <c r="O113" s="45" t="s">
        <v>422</v>
      </c>
      <c r="P113" s="45">
        <v>80</v>
      </c>
      <c r="Q113" s="45">
        <v>130</v>
      </c>
      <c r="R113" s="45" t="s">
        <v>36</v>
      </c>
      <c r="S113" s="45"/>
      <c r="T113" s="45" t="s">
        <v>423</v>
      </c>
      <c r="U113" s="45"/>
      <c r="V113" s="48" t="s">
        <v>37</v>
      </c>
      <c r="W113" s="45" t="s">
        <v>424</v>
      </c>
    </row>
    <row r="114" spans="1:23" s="44" customFormat="1" ht="19.899999999999999" customHeight="1">
      <c r="A114" s="59">
        <v>110340072</v>
      </c>
      <c r="B114" s="42" t="s">
        <v>418</v>
      </c>
      <c r="C114" s="43" t="s">
        <v>442</v>
      </c>
      <c r="D114" s="44" t="s">
        <v>137</v>
      </c>
      <c r="E114" s="42" t="s">
        <v>443</v>
      </c>
      <c r="F114" s="58" t="s">
        <v>444</v>
      </c>
      <c r="G114" s="42" t="s">
        <v>445</v>
      </c>
      <c r="H114" s="45"/>
      <c r="I114" s="45"/>
      <c r="J114" s="45" t="s">
        <v>396</v>
      </c>
      <c r="K114" s="46" t="s">
        <v>389</v>
      </c>
      <c r="L114" s="45"/>
      <c r="M114" s="45"/>
      <c r="N114" s="45" t="s">
        <v>409</v>
      </c>
      <c r="O114" s="45" t="s">
        <v>422</v>
      </c>
      <c r="P114" s="45">
        <v>45</v>
      </c>
      <c r="Q114" s="45"/>
      <c r="R114" s="45" t="s">
        <v>36</v>
      </c>
      <c r="S114" s="45"/>
      <c r="T114" s="45" t="s">
        <v>423</v>
      </c>
      <c r="U114" s="45"/>
      <c r="V114" s="48" t="s">
        <v>37</v>
      </c>
      <c r="W114" s="45" t="s">
        <v>424</v>
      </c>
    </row>
    <row r="115" spans="1:23" s="44" customFormat="1" ht="19.899999999999999" customHeight="1">
      <c r="A115" s="59">
        <v>337330094</v>
      </c>
      <c r="B115" s="42" t="s">
        <v>418</v>
      </c>
      <c r="C115" s="43" t="s">
        <v>446</v>
      </c>
      <c r="D115" s="44" t="s">
        <v>135</v>
      </c>
      <c r="E115" s="42" t="s">
        <v>27</v>
      </c>
      <c r="F115" s="58" t="s">
        <v>447</v>
      </c>
      <c r="G115" s="42" t="s">
        <v>448</v>
      </c>
      <c r="H115" s="45"/>
      <c r="I115" s="45"/>
      <c r="J115" s="45" t="s">
        <v>396</v>
      </c>
      <c r="K115" s="46" t="s">
        <v>389</v>
      </c>
      <c r="L115" s="45"/>
      <c r="M115" s="45"/>
      <c r="N115" s="45" t="s">
        <v>409</v>
      </c>
      <c r="O115" s="45" t="s">
        <v>422</v>
      </c>
      <c r="P115" s="45">
        <v>200</v>
      </c>
      <c r="Q115" s="45">
        <v>390</v>
      </c>
      <c r="R115" s="45" t="s">
        <v>36</v>
      </c>
      <c r="S115" s="45"/>
      <c r="T115" s="45" t="s">
        <v>423</v>
      </c>
      <c r="U115" s="45"/>
      <c r="V115" s="48" t="s">
        <v>37</v>
      </c>
      <c r="W115" s="45" t="s">
        <v>424</v>
      </c>
    </row>
    <row r="116" spans="1:23" s="44" customFormat="1" ht="19.899999999999999" customHeight="1">
      <c r="A116" s="59">
        <v>337330064</v>
      </c>
      <c r="B116" s="42" t="s">
        <v>418</v>
      </c>
      <c r="C116" s="43" t="s">
        <v>449</v>
      </c>
      <c r="D116" s="44" t="s">
        <v>135</v>
      </c>
      <c r="E116" s="42" t="s">
        <v>27</v>
      </c>
      <c r="F116" s="58" t="s">
        <v>420</v>
      </c>
      <c r="G116" s="42" t="s">
        <v>450</v>
      </c>
      <c r="H116" s="45"/>
      <c r="I116" s="45"/>
      <c r="J116" s="45" t="s">
        <v>396</v>
      </c>
      <c r="K116" s="46" t="s">
        <v>389</v>
      </c>
      <c r="L116" s="45"/>
      <c r="M116" s="45"/>
      <c r="N116" s="45" t="s">
        <v>409</v>
      </c>
      <c r="O116" s="45" t="s">
        <v>422</v>
      </c>
      <c r="P116" s="45">
        <v>80</v>
      </c>
      <c r="Q116" s="45">
        <v>180</v>
      </c>
      <c r="R116" s="45" t="s">
        <v>36</v>
      </c>
      <c r="S116" s="45"/>
      <c r="T116" s="45" t="s">
        <v>423</v>
      </c>
      <c r="U116" s="45"/>
      <c r="V116" s="48" t="s">
        <v>37</v>
      </c>
      <c r="W116" s="45" t="s">
        <v>424</v>
      </c>
    </row>
    <row r="117" spans="1:23" s="44" customFormat="1" ht="19.899999999999999" customHeight="1">
      <c r="A117" s="59">
        <v>337330087</v>
      </c>
      <c r="B117" s="42" t="s">
        <v>418</v>
      </c>
      <c r="C117" s="43" t="s">
        <v>451</v>
      </c>
      <c r="D117" s="44" t="s">
        <v>135</v>
      </c>
      <c r="E117" s="42" t="s">
        <v>27</v>
      </c>
      <c r="F117" s="58" t="s">
        <v>420</v>
      </c>
      <c r="G117" s="42" t="s">
        <v>452</v>
      </c>
      <c r="H117" s="45"/>
      <c r="I117" s="45"/>
      <c r="J117" s="45" t="s">
        <v>396</v>
      </c>
      <c r="K117" s="46" t="s">
        <v>389</v>
      </c>
      <c r="L117" s="45"/>
      <c r="M117" s="45"/>
      <c r="N117" s="45" t="s">
        <v>409</v>
      </c>
      <c r="O117" s="45" t="s">
        <v>422</v>
      </c>
      <c r="P117" s="45">
        <v>380</v>
      </c>
      <c r="Q117" s="45">
        <v>550</v>
      </c>
      <c r="R117" s="45" t="s">
        <v>36</v>
      </c>
      <c r="S117" s="45"/>
      <c r="T117" s="45" t="s">
        <v>423</v>
      </c>
      <c r="U117" s="45"/>
      <c r="V117" s="48" t="s">
        <v>37</v>
      </c>
      <c r="W117" s="45" t="s">
        <v>424</v>
      </c>
    </row>
    <row r="118" spans="1:23" s="44" customFormat="1" ht="19.899999999999999" customHeight="1">
      <c r="A118" s="59">
        <v>337130102</v>
      </c>
      <c r="B118" s="42"/>
      <c r="C118" s="43" t="s">
        <v>453</v>
      </c>
      <c r="D118" s="44" t="s">
        <v>135</v>
      </c>
      <c r="E118" s="42" t="s">
        <v>86</v>
      </c>
      <c r="F118" s="58" t="s">
        <v>454</v>
      </c>
      <c r="G118" s="42" t="s">
        <v>439</v>
      </c>
      <c r="H118" s="45"/>
      <c r="I118" s="45"/>
      <c r="J118" s="45" t="s">
        <v>396</v>
      </c>
      <c r="K118" s="46" t="s">
        <v>455</v>
      </c>
      <c r="L118" s="45" t="s">
        <v>456</v>
      </c>
      <c r="M118" s="45"/>
      <c r="N118" s="45" t="s">
        <v>409</v>
      </c>
      <c r="O118" s="45" t="s">
        <v>422</v>
      </c>
      <c r="P118" s="45">
        <v>200</v>
      </c>
      <c r="Q118" s="45">
        <v>350</v>
      </c>
      <c r="R118" s="45" t="s">
        <v>90</v>
      </c>
      <c r="S118" s="45"/>
      <c r="T118" s="45" t="s">
        <v>423</v>
      </c>
      <c r="U118" s="45"/>
      <c r="V118" s="48" t="s">
        <v>37</v>
      </c>
      <c r="W118" s="45" t="s">
        <v>457</v>
      </c>
    </row>
    <row r="119" spans="1:23" s="44" customFormat="1" ht="19.899999999999999" customHeight="1">
      <c r="A119" s="59">
        <v>337130103</v>
      </c>
      <c r="B119" s="42"/>
      <c r="C119" s="43" t="s">
        <v>458</v>
      </c>
      <c r="D119" s="44" t="s">
        <v>135</v>
      </c>
      <c r="E119" s="42" t="s">
        <v>86</v>
      </c>
      <c r="F119" s="58" t="s">
        <v>454</v>
      </c>
      <c r="G119" s="42" t="s">
        <v>439</v>
      </c>
      <c r="H119" s="45"/>
      <c r="I119" s="45"/>
      <c r="J119" s="45" t="s">
        <v>396</v>
      </c>
      <c r="K119" s="46" t="s">
        <v>455</v>
      </c>
      <c r="L119" s="45" t="s">
        <v>456</v>
      </c>
      <c r="M119" s="45"/>
      <c r="N119" s="45" t="s">
        <v>409</v>
      </c>
      <c r="O119" s="45" t="s">
        <v>422</v>
      </c>
      <c r="P119" s="45">
        <v>200</v>
      </c>
      <c r="Q119" s="45">
        <v>350</v>
      </c>
      <c r="R119" s="45" t="s">
        <v>90</v>
      </c>
      <c r="S119" s="45"/>
      <c r="T119" s="45" t="s">
        <v>423</v>
      </c>
      <c r="U119" s="45"/>
      <c r="V119" s="48" t="s">
        <v>37</v>
      </c>
      <c r="W119" s="45" t="s">
        <v>457</v>
      </c>
    </row>
    <row r="120" spans="1:23" s="44" customFormat="1" ht="19.899999999999999" customHeight="1">
      <c r="A120" s="59">
        <v>337130104</v>
      </c>
      <c r="B120" s="42"/>
      <c r="C120" s="43" t="s">
        <v>459</v>
      </c>
      <c r="D120" s="44" t="s">
        <v>135</v>
      </c>
      <c r="E120" s="42" t="s">
        <v>86</v>
      </c>
      <c r="F120" s="58" t="s">
        <v>454</v>
      </c>
      <c r="G120" s="42" t="s">
        <v>439</v>
      </c>
      <c r="H120" s="45"/>
      <c r="I120" s="45"/>
      <c r="J120" s="45" t="s">
        <v>396</v>
      </c>
      <c r="K120" s="46" t="s">
        <v>455</v>
      </c>
      <c r="L120" s="45" t="s">
        <v>456</v>
      </c>
      <c r="M120" s="45"/>
      <c r="N120" s="45" t="s">
        <v>409</v>
      </c>
      <c r="O120" s="45" t="s">
        <v>422</v>
      </c>
      <c r="P120" s="45">
        <v>200</v>
      </c>
      <c r="Q120" s="45">
        <v>350</v>
      </c>
      <c r="R120" s="45" t="s">
        <v>90</v>
      </c>
      <c r="S120" s="45"/>
      <c r="T120" s="45" t="s">
        <v>423</v>
      </c>
      <c r="U120" s="45"/>
      <c r="V120" s="48" t="s">
        <v>37</v>
      </c>
      <c r="W120" s="45" t="s">
        <v>457</v>
      </c>
    </row>
    <row r="121" spans="1:23" s="44" customFormat="1" ht="19.899999999999999" customHeight="1">
      <c r="A121" s="59">
        <v>770330018</v>
      </c>
      <c r="B121" s="42" t="s">
        <v>460</v>
      </c>
      <c r="C121" s="43" t="s">
        <v>461</v>
      </c>
      <c r="D121" s="44" t="s">
        <v>135</v>
      </c>
      <c r="E121" s="42" t="s">
        <v>27</v>
      </c>
      <c r="F121" s="58" t="s">
        <v>462</v>
      </c>
      <c r="G121" s="42" t="s">
        <v>463</v>
      </c>
      <c r="H121" s="45"/>
      <c r="I121" s="45"/>
      <c r="J121" s="45" t="s">
        <v>396</v>
      </c>
      <c r="K121" s="46" t="s">
        <v>389</v>
      </c>
      <c r="L121" s="45"/>
      <c r="M121" s="45"/>
      <c r="N121" s="45" t="s">
        <v>409</v>
      </c>
      <c r="O121" s="45" t="s">
        <v>464</v>
      </c>
      <c r="P121" s="45">
        <v>70</v>
      </c>
      <c r="Q121" s="45">
        <v>150</v>
      </c>
      <c r="R121" s="45" t="s">
        <v>36</v>
      </c>
      <c r="S121" s="45"/>
      <c r="T121" s="45" t="s">
        <v>423</v>
      </c>
      <c r="U121" s="45"/>
      <c r="V121" s="48" t="s">
        <v>37</v>
      </c>
      <c r="W121" s="45" t="s">
        <v>465</v>
      </c>
    </row>
    <row r="122" spans="1:23" s="44" customFormat="1" ht="19.899999999999999" customHeight="1">
      <c r="A122" s="59">
        <v>770340021</v>
      </c>
      <c r="B122" s="42" t="s">
        <v>460</v>
      </c>
      <c r="C122" s="43" t="s">
        <v>466</v>
      </c>
      <c r="D122" s="44" t="s">
        <v>137</v>
      </c>
      <c r="E122" s="42" t="s">
        <v>27</v>
      </c>
      <c r="F122" s="58" t="s">
        <v>462</v>
      </c>
      <c r="G122" s="42" t="s">
        <v>467</v>
      </c>
      <c r="H122" s="45"/>
      <c r="I122" s="45"/>
      <c r="J122" s="45" t="s">
        <v>396</v>
      </c>
      <c r="K122" s="46" t="s">
        <v>389</v>
      </c>
      <c r="L122" s="45"/>
      <c r="M122" s="45"/>
      <c r="N122" s="45" t="s">
        <v>409</v>
      </c>
      <c r="O122" s="45" t="s">
        <v>464</v>
      </c>
      <c r="P122" s="45">
        <v>185</v>
      </c>
      <c r="Q122" s="45">
        <v>350</v>
      </c>
      <c r="R122" s="45" t="s">
        <v>36</v>
      </c>
      <c r="S122" s="45"/>
      <c r="T122" s="45" t="s">
        <v>423</v>
      </c>
      <c r="U122" s="45"/>
      <c r="V122" s="48" t="s">
        <v>37</v>
      </c>
      <c r="W122" s="45" t="s">
        <v>465</v>
      </c>
    </row>
    <row r="123" spans="1:23" s="44" customFormat="1" ht="19.899999999999999" customHeight="1">
      <c r="A123" s="41">
        <v>896330009</v>
      </c>
      <c r="B123" s="42"/>
      <c r="C123" s="43" t="s">
        <v>468</v>
      </c>
      <c r="D123" s="44" t="s">
        <v>135</v>
      </c>
      <c r="E123" s="42" t="s">
        <v>27</v>
      </c>
      <c r="F123" s="58" t="s">
        <v>469</v>
      </c>
      <c r="G123" s="42" t="s">
        <v>470</v>
      </c>
      <c r="H123" s="45"/>
      <c r="I123" s="45"/>
      <c r="J123" s="45" t="s">
        <v>403</v>
      </c>
      <c r="K123" s="46" t="s">
        <v>471</v>
      </c>
      <c r="L123" s="45"/>
      <c r="M123" s="45"/>
      <c r="N123" s="45" t="s">
        <v>409</v>
      </c>
      <c r="O123" s="45" t="s">
        <v>464</v>
      </c>
      <c r="P123" s="45">
        <v>850</v>
      </c>
      <c r="Q123" s="45">
        <v>1300</v>
      </c>
      <c r="R123" s="45" t="s">
        <v>36</v>
      </c>
      <c r="S123" s="45"/>
      <c r="T123" s="45" t="s">
        <v>76</v>
      </c>
      <c r="U123" s="45"/>
      <c r="V123" s="48" t="s">
        <v>37</v>
      </c>
      <c r="W123" s="45" t="s">
        <v>472</v>
      </c>
    </row>
    <row r="124" spans="1:23" s="44" customFormat="1" ht="19.899999999999999" customHeight="1">
      <c r="A124" s="59">
        <v>896340016</v>
      </c>
      <c r="B124" s="42"/>
      <c r="C124" s="43" t="s">
        <v>473</v>
      </c>
      <c r="D124" s="44" t="s">
        <v>137</v>
      </c>
      <c r="E124" s="42" t="s">
        <v>27</v>
      </c>
      <c r="F124" s="58" t="s">
        <v>474</v>
      </c>
      <c r="G124" s="42" t="s">
        <v>475</v>
      </c>
      <c r="H124" s="45"/>
      <c r="I124" s="45"/>
      <c r="J124" s="45" t="s">
        <v>403</v>
      </c>
      <c r="K124" s="46" t="s">
        <v>471</v>
      </c>
      <c r="L124" s="45"/>
      <c r="M124" s="45"/>
      <c r="N124" s="45" t="s">
        <v>409</v>
      </c>
      <c r="O124" s="45" t="s">
        <v>464</v>
      </c>
      <c r="P124" s="45">
        <v>120</v>
      </c>
      <c r="Q124" s="45">
        <v>250</v>
      </c>
      <c r="R124" s="45" t="s">
        <v>90</v>
      </c>
      <c r="S124" s="45"/>
      <c r="T124" s="45" t="s">
        <v>76</v>
      </c>
      <c r="U124" s="45"/>
      <c r="V124" s="48" t="s">
        <v>37</v>
      </c>
      <c r="W124" s="45" t="s">
        <v>476</v>
      </c>
    </row>
    <row r="125" spans="1:23" s="44" customFormat="1" ht="19.899999999999999" customHeight="1">
      <c r="A125" s="59">
        <v>896340018</v>
      </c>
      <c r="B125" s="42"/>
      <c r="C125" s="43" t="s">
        <v>477</v>
      </c>
      <c r="D125" s="44" t="s">
        <v>137</v>
      </c>
      <c r="E125" s="42" t="s">
        <v>27</v>
      </c>
      <c r="F125" s="58" t="s">
        <v>474</v>
      </c>
      <c r="G125" s="42" t="s">
        <v>478</v>
      </c>
      <c r="H125" s="45"/>
      <c r="I125" s="45"/>
      <c r="J125" s="45" t="s">
        <v>403</v>
      </c>
      <c r="K125" s="46" t="s">
        <v>471</v>
      </c>
      <c r="L125" s="45"/>
      <c r="M125" s="45"/>
      <c r="N125" s="45" t="s">
        <v>409</v>
      </c>
      <c r="O125" s="45" t="s">
        <v>464</v>
      </c>
      <c r="P125" s="45">
        <v>75</v>
      </c>
      <c r="Q125" s="45">
        <v>150</v>
      </c>
      <c r="R125" s="45" t="s">
        <v>90</v>
      </c>
      <c r="S125" s="45"/>
      <c r="T125" s="45" t="s">
        <v>76</v>
      </c>
      <c r="U125" s="45"/>
      <c r="V125" s="48" t="s">
        <v>37</v>
      </c>
      <c r="W125" s="45" t="s">
        <v>476</v>
      </c>
    </row>
    <row r="126" spans="1:23" s="44" customFormat="1" ht="19.899999999999999" customHeight="1">
      <c r="A126" s="59">
        <v>772340011</v>
      </c>
      <c r="B126" s="42" t="s">
        <v>479</v>
      </c>
      <c r="C126" s="43" t="s">
        <v>480</v>
      </c>
      <c r="D126" s="44" t="s">
        <v>137</v>
      </c>
      <c r="E126" s="42" t="s">
        <v>303</v>
      </c>
      <c r="F126" s="58" t="s">
        <v>481</v>
      </c>
      <c r="G126" s="42" t="s">
        <v>482</v>
      </c>
      <c r="H126" s="45"/>
      <c r="I126" s="45"/>
      <c r="J126" s="45" t="s">
        <v>396</v>
      </c>
      <c r="K126" s="46" t="s">
        <v>455</v>
      </c>
      <c r="L126" s="45"/>
      <c r="M126" s="45"/>
      <c r="N126" s="45" t="s">
        <v>409</v>
      </c>
      <c r="O126" s="45" t="s">
        <v>464</v>
      </c>
      <c r="P126" s="45">
        <v>320</v>
      </c>
      <c r="Q126" s="45">
        <v>450</v>
      </c>
      <c r="R126" s="45" t="s">
        <v>36</v>
      </c>
      <c r="S126" s="45"/>
      <c r="T126" s="45" t="s">
        <v>76</v>
      </c>
      <c r="U126" s="45"/>
      <c r="V126" s="48" t="s">
        <v>37</v>
      </c>
      <c r="W126" s="45" t="s">
        <v>483</v>
      </c>
    </row>
    <row r="127" spans="1:23" s="44" customFormat="1" ht="19.899999999999999" customHeight="1">
      <c r="A127" s="59">
        <v>772340015</v>
      </c>
      <c r="B127" s="42" t="s">
        <v>479</v>
      </c>
      <c r="C127" s="43" t="s">
        <v>484</v>
      </c>
      <c r="D127" s="44" t="s">
        <v>137</v>
      </c>
      <c r="E127" s="42" t="s">
        <v>303</v>
      </c>
      <c r="F127" s="58" t="s">
        <v>481</v>
      </c>
      <c r="G127" s="42" t="s">
        <v>485</v>
      </c>
      <c r="H127" s="45"/>
      <c r="I127" s="45"/>
      <c r="J127" s="45" t="s">
        <v>396</v>
      </c>
      <c r="K127" s="46" t="s">
        <v>455</v>
      </c>
      <c r="L127" s="45"/>
      <c r="M127" s="45"/>
      <c r="N127" s="45" t="s">
        <v>409</v>
      </c>
      <c r="O127" s="45" t="s">
        <v>464</v>
      </c>
      <c r="P127" s="45">
        <v>320</v>
      </c>
      <c r="Q127" s="45">
        <v>450</v>
      </c>
      <c r="R127" s="45" t="s">
        <v>36</v>
      </c>
      <c r="S127" s="45"/>
      <c r="T127" s="45" t="s">
        <v>76</v>
      </c>
      <c r="U127" s="45"/>
      <c r="V127" s="48" t="s">
        <v>37</v>
      </c>
      <c r="W127" s="45" t="s">
        <v>483</v>
      </c>
    </row>
    <row r="128" spans="1:23" s="44" customFormat="1" ht="19.899999999999999" customHeight="1">
      <c r="A128" s="59">
        <v>772340008</v>
      </c>
      <c r="B128" s="42" t="s">
        <v>479</v>
      </c>
      <c r="C128" s="43" t="s">
        <v>486</v>
      </c>
      <c r="D128" s="44" t="s">
        <v>137</v>
      </c>
      <c r="E128" s="42" t="s">
        <v>303</v>
      </c>
      <c r="F128" s="58" t="s">
        <v>481</v>
      </c>
      <c r="G128" s="42" t="s">
        <v>487</v>
      </c>
      <c r="H128" s="45"/>
      <c r="I128" s="45"/>
      <c r="J128" s="45" t="s">
        <v>396</v>
      </c>
      <c r="K128" s="46" t="s">
        <v>455</v>
      </c>
      <c r="L128" s="45"/>
      <c r="M128" s="45"/>
      <c r="N128" s="45" t="s">
        <v>409</v>
      </c>
      <c r="O128" s="45" t="s">
        <v>464</v>
      </c>
      <c r="P128" s="45">
        <v>320</v>
      </c>
      <c r="Q128" s="45">
        <v>450</v>
      </c>
      <c r="R128" s="45" t="s">
        <v>36</v>
      </c>
      <c r="S128" s="45"/>
      <c r="T128" s="45" t="s">
        <v>76</v>
      </c>
      <c r="U128" s="45"/>
      <c r="V128" s="48" t="s">
        <v>37</v>
      </c>
      <c r="W128" s="45" t="s">
        <v>483</v>
      </c>
    </row>
    <row r="129" spans="1:23" s="44" customFormat="1" ht="19.899999999999999" customHeight="1">
      <c r="A129" s="59">
        <v>772340009</v>
      </c>
      <c r="B129" s="42" t="s">
        <v>479</v>
      </c>
      <c r="C129" s="43" t="s">
        <v>488</v>
      </c>
      <c r="D129" s="44" t="s">
        <v>137</v>
      </c>
      <c r="E129" s="42" t="s">
        <v>303</v>
      </c>
      <c r="F129" s="58" t="s">
        <v>481</v>
      </c>
      <c r="G129" s="42" t="s">
        <v>489</v>
      </c>
      <c r="H129" s="45"/>
      <c r="I129" s="45"/>
      <c r="J129" s="45" t="s">
        <v>396</v>
      </c>
      <c r="K129" s="46" t="s">
        <v>455</v>
      </c>
      <c r="L129" s="45"/>
      <c r="M129" s="45"/>
      <c r="N129" s="45" t="s">
        <v>409</v>
      </c>
      <c r="O129" s="45" t="s">
        <v>464</v>
      </c>
      <c r="P129" s="45">
        <v>320</v>
      </c>
      <c r="Q129" s="45">
        <v>450</v>
      </c>
      <c r="R129" s="45" t="s">
        <v>36</v>
      </c>
      <c r="S129" s="45"/>
      <c r="T129" s="45" t="s">
        <v>76</v>
      </c>
      <c r="U129" s="45"/>
      <c r="V129" s="48" t="s">
        <v>37</v>
      </c>
      <c r="W129" s="45" t="s">
        <v>483</v>
      </c>
    </row>
    <row r="130" spans="1:23" s="44" customFormat="1" ht="19.899999999999999" customHeight="1">
      <c r="A130" s="59">
        <v>772340014</v>
      </c>
      <c r="B130" s="42" t="s">
        <v>479</v>
      </c>
      <c r="C130" s="43" t="s">
        <v>490</v>
      </c>
      <c r="D130" s="44" t="s">
        <v>137</v>
      </c>
      <c r="E130" s="42" t="s">
        <v>303</v>
      </c>
      <c r="F130" s="58" t="s">
        <v>481</v>
      </c>
      <c r="G130" s="42" t="s">
        <v>482</v>
      </c>
      <c r="H130" s="45"/>
      <c r="I130" s="45"/>
      <c r="J130" s="45" t="s">
        <v>396</v>
      </c>
      <c r="K130" s="46" t="s">
        <v>455</v>
      </c>
      <c r="L130" s="45"/>
      <c r="M130" s="45"/>
      <c r="N130" s="45" t="s">
        <v>409</v>
      </c>
      <c r="O130" s="45" t="s">
        <v>464</v>
      </c>
      <c r="P130" s="45">
        <v>320</v>
      </c>
      <c r="Q130" s="45">
        <v>450</v>
      </c>
      <c r="R130" s="45" t="s">
        <v>36</v>
      </c>
      <c r="S130" s="45"/>
      <c r="T130" s="45" t="s">
        <v>76</v>
      </c>
      <c r="U130" s="45"/>
      <c r="V130" s="48" t="s">
        <v>37</v>
      </c>
      <c r="W130" s="45" t="s">
        <v>483</v>
      </c>
    </row>
    <row r="131" spans="1:23" s="44" customFormat="1" ht="19.899999999999999" customHeight="1">
      <c r="A131" s="59">
        <v>772340013</v>
      </c>
      <c r="B131" s="42" t="s">
        <v>479</v>
      </c>
      <c r="C131" s="43" t="s">
        <v>491</v>
      </c>
      <c r="D131" s="44" t="s">
        <v>137</v>
      </c>
      <c r="E131" s="42" t="s">
        <v>303</v>
      </c>
      <c r="F131" s="58" t="s">
        <v>481</v>
      </c>
      <c r="G131" s="42" t="s">
        <v>485</v>
      </c>
      <c r="H131" s="45"/>
      <c r="I131" s="45"/>
      <c r="J131" s="45" t="s">
        <v>396</v>
      </c>
      <c r="K131" s="46" t="s">
        <v>455</v>
      </c>
      <c r="L131" s="45"/>
      <c r="M131" s="45"/>
      <c r="N131" s="45" t="s">
        <v>409</v>
      </c>
      <c r="O131" s="45" t="s">
        <v>464</v>
      </c>
      <c r="P131" s="45">
        <v>320</v>
      </c>
      <c r="Q131" s="45">
        <v>450</v>
      </c>
      <c r="R131" s="45" t="s">
        <v>36</v>
      </c>
      <c r="S131" s="45"/>
      <c r="T131" s="45" t="s">
        <v>76</v>
      </c>
      <c r="U131" s="45"/>
      <c r="V131" s="48" t="s">
        <v>37</v>
      </c>
      <c r="W131" s="45" t="s">
        <v>483</v>
      </c>
    </row>
    <row r="132" spans="1:23" s="44" customFormat="1" ht="19.899999999999999" customHeight="1">
      <c r="A132" s="59">
        <v>772340012</v>
      </c>
      <c r="B132" s="42" t="s">
        <v>479</v>
      </c>
      <c r="C132" s="43" t="s">
        <v>492</v>
      </c>
      <c r="D132" s="44" t="s">
        <v>137</v>
      </c>
      <c r="E132" s="42" t="s">
        <v>303</v>
      </c>
      <c r="F132" s="58" t="s">
        <v>481</v>
      </c>
      <c r="G132" s="42" t="s">
        <v>493</v>
      </c>
      <c r="H132" s="45"/>
      <c r="I132" s="45"/>
      <c r="J132" s="45" t="s">
        <v>396</v>
      </c>
      <c r="K132" s="46" t="s">
        <v>455</v>
      </c>
      <c r="L132" s="45"/>
      <c r="M132" s="45"/>
      <c r="N132" s="45" t="s">
        <v>409</v>
      </c>
      <c r="O132" s="45" t="s">
        <v>464</v>
      </c>
      <c r="P132" s="45">
        <v>320</v>
      </c>
      <c r="Q132" s="45">
        <v>450</v>
      </c>
      <c r="R132" s="45" t="s">
        <v>36</v>
      </c>
      <c r="S132" s="45"/>
      <c r="T132" s="45" t="s">
        <v>76</v>
      </c>
      <c r="U132" s="45"/>
      <c r="V132" s="48" t="s">
        <v>37</v>
      </c>
      <c r="W132" s="45" t="s">
        <v>483</v>
      </c>
    </row>
    <row r="133" spans="1:23" s="44" customFormat="1" ht="19.899999999999999" customHeight="1">
      <c r="A133" s="59">
        <v>772340006</v>
      </c>
      <c r="B133" s="42" t="s">
        <v>479</v>
      </c>
      <c r="C133" s="43" t="s">
        <v>494</v>
      </c>
      <c r="D133" s="44" t="s">
        <v>137</v>
      </c>
      <c r="E133" s="42" t="s">
        <v>303</v>
      </c>
      <c r="F133" s="58" t="s">
        <v>481</v>
      </c>
      <c r="G133" s="42" t="s">
        <v>485</v>
      </c>
      <c r="H133" s="45"/>
      <c r="I133" s="45"/>
      <c r="J133" s="45" t="s">
        <v>396</v>
      </c>
      <c r="K133" s="46" t="s">
        <v>455</v>
      </c>
      <c r="L133" s="45"/>
      <c r="M133" s="45"/>
      <c r="N133" s="45" t="s">
        <v>409</v>
      </c>
      <c r="O133" s="45" t="s">
        <v>464</v>
      </c>
      <c r="P133" s="45">
        <v>320</v>
      </c>
      <c r="Q133" s="45">
        <v>450</v>
      </c>
      <c r="R133" s="45" t="s">
        <v>36</v>
      </c>
      <c r="S133" s="45"/>
      <c r="T133" s="45" t="s">
        <v>76</v>
      </c>
      <c r="U133" s="45"/>
      <c r="V133" s="48" t="s">
        <v>37</v>
      </c>
      <c r="W133" s="45" t="s">
        <v>483</v>
      </c>
    </row>
    <row r="134" spans="1:23" s="44" customFormat="1" ht="19.899999999999999" customHeight="1">
      <c r="A134" s="59">
        <v>556130026</v>
      </c>
      <c r="B134" s="42"/>
      <c r="C134" s="43" t="s">
        <v>495</v>
      </c>
      <c r="D134" s="44" t="s">
        <v>135</v>
      </c>
      <c r="E134" s="42" t="s">
        <v>27</v>
      </c>
      <c r="F134" s="58" t="s">
        <v>496</v>
      </c>
      <c r="G134" s="42" t="s">
        <v>497</v>
      </c>
      <c r="H134" s="45"/>
      <c r="I134" s="45"/>
      <c r="J134" s="45" t="s">
        <v>396</v>
      </c>
      <c r="K134" s="46" t="s">
        <v>404</v>
      </c>
      <c r="L134" s="45"/>
      <c r="M134" s="45"/>
      <c r="N134" s="45" t="s">
        <v>409</v>
      </c>
      <c r="O134" s="45" t="s">
        <v>464</v>
      </c>
      <c r="P134" s="45">
        <v>200</v>
      </c>
      <c r="Q134" s="45">
        <v>350</v>
      </c>
      <c r="R134" s="45" t="s">
        <v>36</v>
      </c>
      <c r="S134" s="45"/>
      <c r="T134" s="45" t="s">
        <v>76</v>
      </c>
      <c r="U134" s="45"/>
      <c r="V134" s="48" t="s">
        <v>37</v>
      </c>
      <c r="W134" s="45" t="s">
        <v>498</v>
      </c>
    </row>
    <row r="135" spans="1:23" s="44" customFormat="1" ht="19.899999999999999" customHeight="1">
      <c r="A135" s="59">
        <v>556130019</v>
      </c>
      <c r="B135" s="42"/>
      <c r="C135" s="43" t="s">
        <v>499</v>
      </c>
      <c r="D135" s="44" t="s">
        <v>135</v>
      </c>
      <c r="E135" s="42" t="s">
        <v>27</v>
      </c>
      <c r="F135" s="58" t="s">
        <v>496</v>
      </c>
      <c r="G135" s="42" t="s">
        <v>500</v>
      </c>
      <c r="H135" s="45"/>
      <c r="I135" s="45"/>
      <c r="J135" s="45" t="s">
        <v>396</v>
      </c>
      <c r="K135" s="46" t="s">
        <v>404</v>
      </c>
      <c r="L135" s="45"/>
      <c r="M135" s="45"/>
      <c r="N135" s="45" t="s">
        <v>409</v>
      </c>
      <c r="O135" s="45" t="s">
        <v>464</v>
      </c>
      <c r="P135" s="45">
        <v>259</v>
      </c>
      <c r="Q135" s="45">
        <v>395</v>
      </c>
      <c r="R135" s="45" t="s">
        <v>36</v>
      </c>
      <c r="S135" s="45"/>
      <c r="T135" s="45" t="s">
        <v>76</v>
      </c>
      <c r="U135" s="45"/>
      <c r="V135" s="48" t="s">
        <v>37</v>
      </c>
      <c r="W135" s="45" t="s">
        <v>498</v>
      </c>
    </row>
    <row r="136" spans="1:23" s="44" customFormat="1" ht="19.899999999999999" customHeight="1">
      <c r="A136" s="59">
        <v>552340011</v>
      </c>
      <c r="B136" s="42" t="s">
        <v>501</v>
      </c>
      <c r="C136" s="43" t="s">
        <v>502</v>
      </c>
      <c r="D136" s="44" t="s">
        <v>137</v>
      </c>
      <c r="E136" s="42" t="s">
        <v>437</v>
      </c>
      <c r="F136" s="58" t="s">
        <v>503</v>
      </c>
      <c r="G136" s="42" t="s">
        <v>504</v>
      </c>
      <c r="H136" s="45"/>
      <c r="I136" s="45"/>
      <c r="J136" s="45" t="s">
        <v>396</v>
      </c>
      <c r="K136" s="46" t="s">
        <v>505</v>
      </c>
      <c r="L136" s="45" t="s">
        <v>506</v>
      </c>
      <c r="M136" s="45" t="s">
        <v>507</v>
      </c>
      <c r="N136" s="45" t="s">
        <v>409</v>
      </c>
      <c r="O136" s="45" t="s">
        <v>464</v>
      </c>
      <c r="P136" s="45">
        <v>80</v>
      </c>
      <c r="Q136" s="45">
        <v>190</v>
      </c>
      <c r="R136" s="45" t="s">
        <v>90</v>
      </c>
      <c r="S136" s="45"/>
      <c r="T136" s="45" t="s">
        <v>76</v>
      </c>
      <c r="U136" s="45"/>
      <c r="V136" s="48" t="s">
        <v>37</v>
      </c>
      <c r="W136" s="45" t="s">
        <v>508</v>
      </c>
    </row>
    <row r="137" spans="1:23" s="44" customFormat="1" ht="19.899999999999999" customHeight="1">
      <c r="A137" s="59">
        <v>440330038</v>
      </c>
      <c r="B137" s="42"/>
      <c r="C137" s="43" t="s">
        <v>509</v>
      </c>
      <c r="D137" s="44" t="s">
        <v>135</v>
      </c>
      <c r="E137" s="42" t="s">
        <v>86</v>
      </c>
      <c r="F137" s="58" t="s">
        <v>510</v>
      </c>
      <c r="G137" s="42" t="s">
        <v>511</v>
      </c>
      <c r="H137" s="45"/>
      <c r="I137" s="45"/>
      <c r="J137" s="45" t="s">
        <v>396</v>
      </c>
      <c r="K137" s="46" t="s">
        <v>506</v>
      </c>
      <c r="L137" s="45"/>
      <c r="M137" s="45"/>
      <c r="N137" s="45" t="s">
        <v>409</v>
      </c>
      <c r="O137" s="45" t="s">
        <v>464</v>
      </c>
      <c r="P137" s="45">
        <v>250</v>
      </c>
      <c r="Q137" s="45">
        <v>350</v>
      </c>
      <c r="R137" s="45" t="s">
        <v>36</v>
      </c>
      <c r="S137" s="45"/>
      <c r="T137" s="45" t="s">
        <v>76</v>
      </c>
      <c r="U137" s="45"/>
      <c r="V137" s="48" t="s">
        <v>37</v>
      </c>
      <c r="W137" s="45" t="s">
        <v>512</v>
      </c>
    </row>
    <row r="138" spans="1:23" s="44" customFormat="1" ht="19.899999999999999" customHeight="1">
      <c r="A138" s="59">
        <v>112350026</v>
      </c>
      <c r="B138" s="42"/>
      <c r="C138" s="43" t="s">
        <v>513</v>
      </c>
      <c r="D138" s="44" t="s">
        <v>765</v>
      </c>
      <c r="E138" s="42" t="s">
        <v>157</v>
      </c>
      <c r="F138" s="58" t="s">
        <v>514</v>
      </c>
      <c r="G138" s="61" t="s">
        <v>515</v>
      </c>
      <c r="H138" s="45"/>
      <c r="I138" s="45"/>
      <c r="J138" s="45" t="s">
        <v>516</v>
      </c>
      <c r="K138" s="46" t="s">
        <v>31</v>
      </c>
      <c r="L138" s="45"/>
      <c r="M138" s="45"/>
      <c r="N138" s="45" t="s">
        <v>409</v>
      </c>
      <c r="O138" s="45" t="s">
        <v>517</v>
      </c>
      <c r="P138" s="45">
        <v>102</v>
      </c>
      <c r="Q138" s="45">
        <v>150</v>
      </c>
      <c r="R138" s="45" t="s">
        <v>36</v>
      </c>
      <c r="S138" s="45"/>
      <c r="T138" s="45" t="s">
        <v>76</v>
      </c>
      <c r="U138" s="45"/>
      <c r="V138" s="48" t="s">
        <v>37</v>
      </c>
      <c r="W138" s="45" t="s">
        <v>518</v>
      </c>
    </row>
    <row r="139" spans="1:23" s="44" customFormat="1" ht="19.899999999999999" customHeight="1">
      <c r="A139" s="59">
        <v>112350025</v>
      </c>
      <c r="B139" s="42"/>
      <c r="C139" s="43" t="s">
        <v>519</v>
      </c>
      <c r="D139" s="44" t="s">
        <v>765</v>
      </c>
      <c r="E139" s="42" t="s">
        <v>55</v>
      </c>
      <c r="F139" s="58" t="s">
        <v>514</v>
      </c>
      <c r="G139" s="61" t="s">
        <v>515</v>
      </c>
      <c r="H139" s="45"/>
      <c r="I139" s="45"/>
      <c r="J139" s="45" t="s">
        <v>516</v>
      </c>
      <c r="K139" s="46" t="s">
        <v>31</v>
      </c>
      <c r="L139" s="45"/>
      <c r="M139" s="45"/>
      <c r="N139" s="45" t="s">
        <v>409</v>
      </c>
      <c r="O139" s="45" t="s">
        <v>517</v>
      </c>
      <c r="P139" s="45">
        <v>102</v>
      </c>
      <c r="Q139" s="45">
        <v>150</v>
      </c>
      <c r="R139" s="45" t="s">
        <v>36</v>
      </c>
      <c r="S139" s="45"/>
      <c r="T139" s="45" t="s">
        <v>76</v>
      </c>
      <c r="U139" s="45"/>
      <c r="V139" s="48" t="s">
        <v>37</v>
      </c>
      <c r="W139" s="45" t="s">
        <v>518</v>
      </c>
    </row>
    <row r="140" spans="1:23" s="44" customFormat="1" ht="19.899999999999999" customHeight="1">
      <c r="A140" s="59">
        <v>112350031</v>
      </c>
      <c r="B140" s="42"/>
      <c r="C140" s="43" t="s">
        <v>520</v>
      </c>
      <c r="D140" s="44" t="s">
        <v>765</v>
      </c>
      <c r="E140" s="42" t="s">
        <v>174</v>
      </c>
      <c r="F140" s="58" t="s">
        <v>521</v>
      </c>
      <c r="G140" s="42" t="s">
        <v>522</v>
      </c>
      <c r="H140" s="45"/>
      <c r="I140" s="45"/>
      <c r="J140" s="45" t="s">
        <v>516</v>
      </c>
      <c r="K140" s="46" t="s">
        <v>31</v>
      </c>
      <c r="L140" s="45"/>
      <c r="M140" s="45"/>
      <c r="N140" s="45" t="s">
        <v>409</v>
      </c>
      <c r="O140" s="45" t="s">
        <v>517</v>
      </c>
      <c r="P140" s="45">
        <v>28</v>
      </c>
      <c r="Q140" s="45">
        <v>35</v>
      </c>
      <c r="R140" s="45" t="s">
        <v>36</v>
      </c>
      <c r="S140" s="45"/>
      <c r="T140" s="45" t="s">
        <v>76</v>
      </c>
      <c r="U140" s="45"/>
      <c r="V140" s="48" t="s">
        <v>37</v>
      </c>
      <c r="W140" s="45" t="s">
        <v>518</v>
      </c>
    </row>
    <row r="141" spans="1:23" s="44" customFormat="1" ht="19.899999999999999" customHeight="1">
      <c r="A141" s="59">
        <v>112350027</v>
      </c>
      <c r="B141" s="42"/>
      <c r="C141" s="43" t="s">
        <v>523</v>
      </c>
      <c r="D141" s="44" t="s">
        <v>765</v>
      </c>
      <c r="E141" s="42" t="s">
        <v>55</v>
      </c>
      <c r="F141" s="58" t="s">
        <v>524</v>
      </c>
      <c r="G141" s="42" t="s">
        <v>525</v>
      </c>
      <c r="H141" s="45"/>
      <c r="I141" s="45"/>
      <c r="J141" s="45" t="s">
        <v>516</v>
      </c>
      <c r="K141" s="46" t="s">
        <v>31</v>
      </c>
      <c r="L141" s="45"/>
      <c r="M141" s="45"/>
      <c r="N141" s="45" t="s">
        <v>409</v>
      </c>
      <c r="O141" s="45" t="s">
        <v>517</v>
      </c>
      <c r="P141" s="45">
        <v>175</v>
      </c>
      <c r="Q141" s="45">
        <v>250</v>
      </c>
      <c r="R141" s="45" t="s">
        <v>36</v>
      </c>
      <c r="S141" s="45"/>
      <c r="T141" s="45" t="s">
        <v>76</v>
      </c>
      <c r="U141" s="45"/>
      <c r="V141" s="48" t="s">
        <v>37</v>
      </c>
      <c r="W141" s="45" t="s">
        <v>518</v>
      </c>
    </row>
    <row r="142" spans="1:23" s="44" customFormat="1" ht="19.899999999999999" customHeight="1">
      <c r="A142" s="59">
        <v>112350028</v>
      </c>
      <c r="B142" s="42"/>
      <c r="C142" s="43" t="s">
        <v>526</v>
      </c>
      <c r="D142" s="44" t="s">
        <v>765</v>
      </c>
      <c r="E142" s="42" t="s">
        <v>55</v>
      </c>
      <c r="F142" s="58" t="s">
        <v>527</v>
      </c>
      <c r="G142" s="42" t="s">
        <v>525</v>
      </c>
      <c r="H142" s="45"/>
      <c r="I142" s="45"/>
      <c r="J142" s="45" t="s">
        <v>516</v>
      </c>
      <c r="K142" s="46" t="s">
        <v>31</v>
      </c>
      <c r="L142" s="45"/>
      <c r="M142" s="45"/>
      <c r="N142" s="45" t="s">
        <v>409</v>
      </c>
      <c r="O142" s="45" t="s">
        <v>517</v>
      </c>
      <c r="P142" s="45">
        <v>175</v>
      </c>
      <c r="Q142" s="45">
        <v>250</v>
      </c>
      <c r="R142" s="45" t="s">
        <v>36</v>
      </c>
      <c r="S142" s="45"/>
      <c r="T142" s="45" t="s">
        <v>76</v>
      </c>
      <c r="U142" s="45"/>
      <c r="V142" s="48" t="s">
        <v>37</v>
      </c>
      <c r="W142" s="45" t="s">
        <v>518</v>
      </c>
    </row>
    <row r="143" spans="1:23" s="44" customFormat="1" ht="19.899999999999999" customHeight="1">
      <c r="A143" s="59">
        <v>112350029</v>
      </c>
      <c r="B143" s="42"/>
      <c r="C143" s="43" t="s">
        <v>528</v>
      </c>
      <c r="D143" s="44" t="s">
        <v>765</v>
      </c>
      <c r="E143" s="42" t="s">
        <v>174</v>
      </c>
      <c r="F143" s="58" t="s">
        <v>524</v>
      </c>
      <c r="G143" s="42" t="s">
        <v>525</v>
      </c>
      <c r="H143" s="45"/>
      <c r="I143" s="45"/>
      <c r="J143" s="45" t="s">
        <v>516</v>
      </c>
      <c r="K143" s="46" t="s">
        <v>31</v>
      </c>
      <c r="L143" s="45"/>
      <c r="M143" s="45"/>
      <c r="N143" s="45" t="s">
        <v>409</v>
      </c>
      <c r="O143" s="45" t="s">
        <v>517</v>
      </c>
      <c r="P143" s="45">
        <v>110</v>
      </c>
      <c r="Q143" s="45">
        <v>150</v>
      </c>
      <c r="R143" s="45" t="s">
        <v>36</v>
      </c>
      <c r="S143" s="45"/>
      <c r="T143" s="45" t="s">
        <v>76</v>
      </c>
      <c r="U143" s="45"/>
      <c r="V143" s="48" t="s">
        <v>37</v>
      </c>
      <c r="W143" s="45" t="s">
        <v>518</v>
      </c>
    </row>
    <row r="144" spans="1:23" s="44" customFormat="1" ht="19.899999999999999" customHeight="1">
      <c r="A144" s="59">
        <v>112350030</v>
      </c>
      <c r="B144" s="42"/>
      <c r="C144" s="43" t="s">
        <v>529</v>
      </c>
      <c r="D144" s="44" t="s">
        <v>765</v>
      </c>
      <c r="E144" s="42" t="s">
        <v>55</v>
      </c>
      <c r="F144" s="58" t="s">
        <v>527</v>
      </c>
      <c r="G144" s="42" t="s">
        <v>525</v>
      </c>
      <c r="H144" s="45"/>
      <c r="I144" s="45"/>
      <c r="J144" s="45" t="s">
        <v>516</v>
      </c>
      <c r="K144" s="46" t="s">
        <v>31</v>
      </c>
      <c r="L144" s="45"/>
      <c r="M144" s="45"/>
      <c r="N144" s="45" t="s">
        <v>409</v>
      </c>
      <c r="O144" s="45" t="s">
        <v>517</v>
      </c>
      <c r="P144" s="45">
        <v>110</v>
      </c>
      <c r="Q144" s="45">
        <v>150</v>
      </c>
      <c r="R144" s="45" t="s">
        <v>36</v>
      </c>
      <c r="S144" s="45"/>
      <c r="T144" s="45" t="s">
        <v>76</v>
      </c>
      <c r="U144" s="45"/>
      <c r="V144" s="48" t="s">
        <v>37</v>
      </c>
      <c r="W144" s="45" t="s">
        <v>518</v>
      </c>
    </row>
    <row r="145" spans="1:23" s="44" customFormat="1" ht="19.899999999999999" customHeight="1">
      <c r="A145" s="59">
        <v>331330028</v>
      </c>
      <c r="B145" s="42"/>
      <c r="C145" s="43" t="s">
        <v>530</v>
      </c>
      <c r="D145" s="44" t="s">
        <v>135</v>
      </c>
      <c r="E145" s="42" t="s">
        <v>86</v>
      </c>
      <c r="F145" s="58" t="s">
        <v>531</v>
      </c>
      <c r="G145" s="42" t="s">
        <v>532</v>
      </c>
      <c r="H145" s="45"/>
      <c r="I145" s="45"/>
      <c r="J145" s="45" t="s">
        <v>396</v>
      </c>
      <c r="K145" s="46" t="s">
        <v>404</v>
      </c>
      <c r="L145" s="45"/>
      <c r="M145" s="45"/>
      <c r="N145" s="45" t="s">
        <v>409</v>
      </c>
      <c r="O145" s="45" t="s">
        <v>312</v>
      </c>
      <c r="P145" s="45">
        <v>200</v>
      </c>
      <c r="Q145" s="45">
        <v>350</v>
      </c>
      <c r="R145" s="45" t="s">
        <v>36</v>
      </c>
      <c r="S145" s="45"/>
      <c r="T145" s="45" t="s">
        <v>76</v>
      </c>
      <c r="U145" s="45"/>
      <c r="V145" s="48" t="s">
        <v>37</v>
      </c>
      <c r="W145" s="45" t="s">
        <v>533</v>
      </c>
    </row>
    <row r="146" spans="1:23" s="44" customFormat="1" ht="19.899999999999999" customHeight="1">
      <c r="A146" s="59">
        <v>564330017</v>
      </c>
      <c r="B146" s="42"/>
      <c r="C146" s="43" t="s">
        <v>534</v>
      </c>
      <c r="D146" s="44" t="s">
        <v>135</v>
      </c>
      <c r="E146" s="42" t="s">
        <v>27</v>
      </c>
      <c r="F146" s="58" t="s">
        <v>535</v>
      </c>
      <c r="G146" s="42" t="s">
        <v>536</v>
      </c>
      <c r="H146" s="45"/>
      <c r="I146" s="45"/>
      <c r="J146" s="45" t="s">
        <v>396</v>
      </c>
      <c r="K146" s="46" t="s">
        <v>389</v>
      </c>
      <c r="L146" s="45"/>
      <c r="M146" s="45"/>
      <c r="N146" s="45" t="s">
        <v>409</v>
      </c>
      <c r="O146" s="45" t="s">
        <v>517</v>
      </c>
      <c r="P146" s="45">
        <v>350</v>
      </c>
      <c r="Q146" s="45">
        <v>490</v>
      </c>
      <c r="R146" s="45" t="s">
        <v>36</v>
      </c>
      <c r="S146" s="45"/>
      <c r="T146" s="45" t="s">
        <v>76</v>
      </c>
      <c r="U146" s="45"/>
      <c r="V146" s="48" t="s">
        <v>37</v>
      </c>
      <c r="W146" s="45" t="s">
        <v>537</v>
      </c>
    </row>
    <row r="147" spans="1:23" s="44" customFormat="1" ht="19.899999999999999" customHeight="1">
      <c r="A147" s="59">
        <v>564330002</v>
      </c>
      <c r="B147" s="42"/>
      <c r="C147" s="43" t="s">
        <v>538</v>
      </c>
      <c r="D147" s="44" t="s">
        <v>135</v>
      </c>
      <c r="E147" s="42" t="s">
        <v>27</v>
      </c>
      <c r="F147" s="58" t="s">
        <v>539</v>
      </c>
      <c r="G147" s="42" t="s">
        <v>540</v>
      </c>
      <c r="H147" s="45"/>
      <c r="I147" s="45"/>
      <c r="J147" s="45" t="s">
        <v>396</v>
      </c>
      <c r="K147" s="46" t="s">
        <v>389</v>
      </c>
      <c r="L147" s="45"/>
      <c r="M147" s="45"/>
      <c r="N147" s="45" t="s">
        <v>409</v>
      </c>
      <c r="O147" s="45" t="s">
        <v>517</v>
      </c>
      <c r="P147" s="45">
        <v>150</v>
      </c>
      <c r="Q147" s="45">
        <v>300</v>
      </c>
      <c r="R147" s="45" t="s">
        <v>36</v>
      </c>
      <c r="S147" s="45"/>
      <c r="T147" s="45" t="s">
        <v>76</v>
      </c>
      <c r="U147" s="45"/>
      <c r="V147" s="48" t="s">
        <v>37</v>
      </c>
      <c r="W147" s="45" t="s">
        <v>537</v>
      </c>
    </row>
    <row r="148" spans="1:23" s="44" customFormat="1" ht="19.899999999999999" customHeight="1">
      <c r="A148" s="59">
        <v>448330008</v>
      </c>
      <c r="B148" s="42"/>
      <c r="C148" s="43" t="s">
        <v>541</v>
      </c>
      <c r="D148" s="44" t="s">
        <v>135</v>
      </c>
      <c r="E148" s="42" t="s">
        <v>27</v>
      </c>
      <c r="F148" s="58" t="s">
        <v>420</v>
      </c>
      <c r="G148" s="42" t="s">
        <v>542</v>
      </c>
      <c r="H148" s="45"/>
      <c r="I148" s="45"/>
      <c r="J148" s="45" t="s">
        <v>396</v>
      </c>
      <c r="K148" s="46" t="s">
        <v>389</v>
      </c>
      <c r="L148" s="45"/>
      <c r="M148" s="45"/>
      <c r="N148" s="45" t="s">
        <v>409</v>
      </c>
      <c r="O148" s="45" t="s">
        <v>312</v>
      </c>
      <c r="P148" s="45">
        <v>80</v>
      </c>
      <c r="Q148" s="45">
        <v>150</v>
      </c>
      <c r="R148" s="45" t="s">
        <v>90</v>
      </c>
      <c r="S148" s="45"/>
      <c r="T148" s="45" t="s">
        <v>76</v>
      </c>
      <c r="U148" s="45"/>
      <c r="V148" s="48" t="s">
        <v>37</v>
      </c>
      <c r="W148" s="45" t="s">
        <v>543</v>
      </c>
    </row>
    <row r="149" spans="1:23" s="44" customFormat="1" ht="19.899999999999999" customHeight="1">
      <c r="A149" s="59">
        <v>439330015</v>
      </c>
      <c r="B149" s="42"/>
      <c r="C149" s="43" t="s">
        <v>544</v>
      </c>
      <c r="D149" s="44" t="s">
        <v>135</v>
      </c>
      <c r="E149" s="42" t="s">
        <v>303</v>
      </c>
      <c r="F149" s="58" t="s">
        <v>545</v>
      </c>
      <c r="G149" s="42" t="s">
        <v>546</v>
      </c>
      <c r="H149" s="45"/>
      <c r="I149" s="45"/>
      <c r="J149" s="45" t="s">
        <v>396</v>
      </c>
      <c r="K149" s="46" t="s">
        <v>389</v>
      </c>
      <c r="L149" s="45"/>
      <c r="M149" s="45"/>
      <c r="N149" s="45" t="s">
        <v>409</v>
      </c>
      <c r="O149" s="45" t="s">
        <v>312</v>
      </c>
      <c r="P149" s="45">
        <v>300</v>
      </c>
      <c r="Q149" s="45">
        <v>550</v>
      </c>
      <c r="R149" s="45" t="s">
        <v>36</v>
      </c>
      <c r="S149" s="45"/>
      <c r="T149" s="45" t="s">
        <v>76</v>
      </c>
      <c r="U149" s="45"/>
      <c r="V149" s="48" t="s">
        <v>37</v>
      </c>
      <c r="W149" s="45" t="s">
        <v>547</v>
      </c>
    </row>
    <row r="150" spans="1:23" s="44" customFormat="1" ht="19.899999999999999" customHeight="1">
      <c r="A150" s="59">
        <v>439330016</v>
      </c>
      <c r="B150" s="42"/>
      <c r="C150" s="43" t="s">
        <v>548</v>
      </c>
      <c r="D150" s="44" t="s">
        <v>135</v>
      </c>
      <c r="E150" s="42" t="s">
        <v>303</v>
      </c>
      <c r="F150" s="58" t="s">
        <v>412</v>
      </c>
      <c r="G150" s="42" t="s">
        <v>549</v>
      </c>
      <c r="H150" s="45"/>
      <c r="I150" s="45"/>
      <c r="J150" s="45" t="s">
        <v>396</v>
      </c>
      <c r="K150" s="46" t="s">
        <v>389</v>
      </c>
      <c r="L150" s="45"/>
      <c r="M150" s="45"/>
      <c r="N150" s="45" t="s">
        <v>409</v>
      </c>
      <c r="O150" s="45" t="s">
        <v>312</v>
      </c>
      <c r="P150" s="45">
        <v>300</v>
      </c>
      <c r="Q150" s="45">
        <v>550</v>
      </c>
      <c r="R150" s="45" t="s">
        <v>36</v>
      </c>
      <c r="S150" s="45"/>
      <c r="T150" s="45" t="s">
        <v>76</v>
      </c>
      <c r="U150" s="45"/>
      <c r="V150" s="48" t="s">
        <v>37</v>
      </c>
      <c r="W150" s="45" t="s">
        <v>547</v>
      </c>
    </row>
    <row r="151" spans="1:23" s="44" customFormat="1" ht="19.899999999999999" customHeight="1">
      <c r="A151" s="59">
        <v>335330002</v>
      </c>
      <c r="B151" s="42"/>
      <c r="C151" s="43" t="s">
        <v>550</v>
      </c>
      <c r="D151" s="44" t="s">
        <v>135</v>
      </c>
      <c r="E151" s="42" t="s">
        <v>303</v>
      </c>
      <c r="F151" s="58" t="s">
        <v>551</v>
      </c>
      <c r="G151" s="42" t="s">
        <v>546</v>
      </c>
      <c r="H151" s="45"/>
      <c r="I151" s="45"/>
      <c r="J151" s="45" t="s">
        <v>396</v>
      </c>
      <c r="K151" s="46" t="s">
        <v>389</v>
      </c>
      <c r="L151" s="45"/>
      <c r="M151" s="45"/>
      <c r="N151" s="45" t="s">
        <v>409</v>
      </c>
      <c r="O151" s="45" t="s">
        <v>312</v>
      </c>
      <c r="P151" s="45">
        <v>320</v>
      </c>
      <c r="Q151" s="45">
        <v>490</v>
      </c>
      <c r="R151" s="45" t="s">
        <v>36</v>
      </c>
      <c r="S151" s="45"/>
      <c r="T151" s="45" t="s">
        <v>76</v>
      </c>
      <c r="U151" s="45"/>
      <c r="V151" s="48" t="s">
        <v>37</v>
      </c>
      <c r="W151" s="45" t="s">
        <v>552</v>
      </c>
    </row>
    <row r="152" spans="1:23" s="44" customFormat="1" ht="19.899999999999999" customHeight="1">
      <c r="A152" s="59">
        <v>335330001</v>
      </c>
      <c r="B152" s="42"/>
      <c r="C152" s="43" t="s">
        <v>553</v>
      </c>
      <c r="D152" s="44" t="s">
        <v>135</v>
      </c>
      <c r="E152" s="42" t="s">
        <v>303</v>
      </c>
      <c r="F152" s="58" t="s">
        <v>551</v>
      </c>
      <c r="G152" s="42" t="s">
        <v>554</v>
      </c>
      <c r="H152" s="45"/>
      <c r="I152" s="45"/>
      <c r="J152" s="45" t="s">
        <v>396</v>
      </c>
      <c r="K152" s="46" t="s">
        <v>389</v>
      </c>
      <c r="L152" s="45"/>
      <c r="M152" s="45"/>
      <c r="N152" s="45" t="s">
        <v>409</v>
      </c>
      <c r="O152" s="45" t="s">
        <v>312</v>
      </c>
      <c r="P152" s="45">
        <v>300</v>
      </c>
      <c r="Q152" s="45">
        <v>450</v>
      </c>
      <c r="R152" s="45" t="s">
        <v>36</v>
      </c>
      <c r="S152" s="45"/>
      <c r="T152" s="45" t="s">
        <v>76</v>
      </c>
      <c r="U152" s="45"/>
      <c r="V152" s="48" t="s">
        <v>37</v>
      </c>
      <c r="W152" s="45" t="s">
        <v>552</v>
      </c>
    </row>
    <row r="153" spans="1:23" s="44" customFormat="1" ht="19.899999999999999" customHeight="1">
      <c r="A153" s="59">
        <v>335310018</v>
      </c>
      <c r="B153" s="42"/>
      <c r="C153" s="43" t="s">
        <v>555</v>
      </c>
      <c r="D153" s="44" t="s">
        <v>136</v>
      </c>
      <c r="E153" s="42" t="s">
        <v>556</v>
      </c>
      <c r="F153" s="58" t="s">
        <v>557</v>
      </c>
      <c r="G153" s="42" t="s">
        <v>558</v>
      </c>
      <c r="H153" s="45"/>
      <c r="I153" s="45"/>
      <c r="J153" s="45" t="s">
        <v>47</v>
      </c>
      <c r="K153" s="46" t="s">
        <v>48</v>
      </c>
      <c r="L153" s="45" t="s">
        <v>49</v>
      </c>
      <c r="M153" s="45"/>
      <c r="N153" s="45" t="s">
        <v>50</v>
      </c>
      <c r="O153" s="45" t="s">
        <v>51</v>
      </c>
      <c r="P153" s="45">
        <v>90</v>
      </c>
      <c r="Q153" s="45">
        <v>139</v>
      </c>
      <c r="R153" s="45" t="s">
        <v>36</v>
      </c>
      <c r="S153" s="45"/>
      <c r="T153" s="45" t="s">
        <v>52</v>
      </c>
      <c r="U153" s="45"/>
      <c r="V153" s="48" t="s">
        <v>37</v>
      </c>
      <c r="W153" s="45" t="s">
        <v>53</v>
      </c>
    </row>
    <row r="154" spans="1:23" s="44" customFormat="1" ht="19.899999999999999" customHeight="1">
      <c r="A154" s="59">
        <v>614110003</v>
      </c>
      <c r="B154" s="42"/>
      <c r="C154" s="43" t="s">
        <v>559</v>
      </c>
      <c r="D154" s="44" t="s">
        <v>136</v>
      </c>
      <c r="E154" s="42" t="s">
        <v>560</v>
      </c>
      <c r="F154" s="58" t="s">
        <v>561</v>
      </c>
      <c r="G154" s="42" t="s">
        <v>562</v>
      </c>
      <c r="H154" s="45"/>
      <c r="I154" s="45"/>
      <c r="J154" s="45" t="s">
        <v>47</v>
      </c>
      <c r="K154" s="46" t="s">
        <v>48</v>
      </c>
      <c r="L154" s="45" t="s">
        <v>49</v>
      </c>
      <c r="M154" s="45"/>
      <c r="N154" s="45" t="s">
        <v>409</v>
      </c>
      <c r="O154" s="45" t="s">
        <v>563</v>
      </c>
      <c r="P154" s="45">
        <v>27</v>
      </c>
      <c r="Q154" s="45">
        <v>45</v>
      </c>
      <c r="R154" s="45" t="s">
        <v>36</v>
      </c>
      <c r="S154" s="45"/>
      <c r="T154" s="45" t="s">
        <v>76</v>
      </c>
      <c r="U154" s="45"/>
      <c r="V154" s="48" t="s">
        <v>37</v>
      </c>
      <c r="W154" s="45" t="s">
        <v>564</v>
      </c>
    </row>
    <row r="155" spans="1:23" s="44" customFormat="1" ht="19.899999999999999" customHeight="1">
      <c r="A155" s="59">
        <v>556350005</v>
      </c>
      <c r="B155" s="42"/>
      <c r="C155" s="43" t="s">
        <v>565</v>
      </c>
      <c r="D155" s="44" t="s">
        <v>765</v>
      </c>
      <c r="E155" s="42" t="s">
        <v>55</v>
      </c>
      <c r="F155" s="58" t="s">
        <v>566</v>
      </c>
      <c r="G155" s="42" t="s">
        <v>567</v>
      </c>
      <c r="H155" s="45"/>
      <c r="I155" s="45"/>
      <c r="J155" s="45" t="s">
        <v>47</v>
      </c>
      <c r="K155" s="46" t="s">
        <v>48</v>
      </c>
      <c r="L155" s="45" t="s">
        <v>49</v>
      </c>
      <c r="M155" s="45"/>
      <c r="N155" s="45" t="s">
        <v>409</v>
      </c>
      <c r="O155" s="45" t="s">
        <v>563</v>
      </c>
      <c r="P155" s="45">
        <v>40</v>
      </c>
      <c r="Q155" s="45">
        <v>50</v>
      </c>
      <c r="R155" s="45" t="s">
        <v>36</v>
      </c>
      <c r="S155" s="65" t="s">
        <v>77</v>
      </c>
      <c r="T155" s="45"/>
      <c r="U155" s="45"/>
      <c r="V155" s="48" t="s">
        <v>37</v>
      </c>
      <c r="W155" s="45" t="s">
        <v>568</v>
      </c>
    </row>
    <row r="156" spans="1:23" s="44" customFormat="1" ht="19.899999999999999" customHeight="1">
      <c r="A156" s="59">
        <v>771320004</v>
      </c>
      <c r="B156" s="42"/>
      <c r="C156" s="43" t="s">
        <v>569</v>
      </c>
      <c r="D156" s="44" t="s">
        <v>269</v>
      </c>
      <c r="E156" s="42" t="s">
        <v>157</v>
      </c>
      <c r="F156" s="58" t="s">
        <v>570</v>
      </c>
      <c r="G156" s="42" t="s">
        <v>147</v>
      </c>
      <c r="H156" s="45"/>
      <c r="I156" s="45"/>
      <c r="J156" s="45" t="s">
        <v>108</v>
      </c>
      <c r="K156" s="46" t="s">
        <v>48</v>
      </c>
      <c r="L156" s="45" t="s">
        <v>49</v>
      </c>
      <c r="M156" s="45"/>
      <c r="N156" s="45"/>
      <c r="O156" s="45" t="s">
        <v>312</v>
      </c>
      <c r="P156" s="45">
        <v>90</v>
      </c>
      <c r="Q156" s="45">
        <v>120</v>
      </c>
      <c r="R156" s="45" t="s">
        <v>36</v>
      </c>
      <c r="S156" s="45"/>
      <c r="T156" s="45" t="s">
        <v>76</v>
      </c>
      <c r="U156" s="45"/>
      <c r="V156" s="48" t="s">
        <v>37</v>
      </c>
      <c r="W156" s="45" t="s">
        <v>571</v>
      </c>
    </row>
    <row r="157" spans="1:23" s="44" customFormat="1" ht="19.899999999999999" customHeight="1">
      <c r="A157" s="59">
        <v>771320003</v>
      </c>
      <c r="B157" s="42"/>
      <c r="C157" s="43" t="s">
        <v>572</v>
      </c>
      <c r="D157" s="44" t="s">
        <v>269</v>
      </c>
      <c r="E157" s="42" t="s">
        <v>157</v>
      </c>
      <c r="F157" s="58" t="s">
        <v>573</v>
      </c>
      <c r="G157" s="42" t="s">
        <v>147</v>
      </c>
      <c r="H157" s="45"/>
      <c r="I157" s="45"/>
      <c r="J157" s="45" t="s">
        <v>108</v>
      </c>
      <c r="K157" s="46" t="s">
        <v>48</v>
      </c>
      <c r="L157" s="45" t="s">
        <v>49</v>
      </c>
      <c r="M157" s="45"/>
      <c r="N157" s="45"/>
      <c r="O157" s="45" t="s">
        <v>312</v>
      </c>
      <c r="P157" s="45">
        <v>90</v>
      </c>
      <c r="Q157" s="45">
        <v>120</v>
      </c>
      <c r="R157" s="45" t="s">
        <v>36</v>
      </c>
      <c r="S157" s="45"/>
      <c r="T157" s="45" t="s">
        <v>76</v>
      </c>
      <c r="U157" s="45"/>
      <c r="V157" s="48" t="s">
        <v>37</v>
      </c>
      <c r="W157" s="45" t="s">
        <v>571</v>
      </c>
    </row>
    <row r="158" spans="1:23" s="44" customFormat="1" ht="19.899999999999999" customHeight="1">
      <c r="A158" s="59">
        <v>771320007</v>
      </c>
      <c r="B158" s="42"/>
      <c r="C158" s="43" t="s">
        <v>574</v>
      </c>
      <c r="D158" s="44" t="s">
        <v>269</v>
      </c>
      <c r="E158" s="42" t="s">
        <v>157</v>
      </c>
      <c r="F158" s="58" t="s">
        <v>575</v>
      </c>
      <c r="G158" s="42" t="s">
        <v>147</v>
      </c>
      <c r="H158" s="45"/>
      <c r="I158" s="45"/>
      <c r="J158" s="45" t="s">
        <v>108</v>
      </c>
      <c r="K158" s="46" t="s">
        <v>48</v>
      </c>
      <c r="L158" s="45" t="s">
        <v>49</v>
      </c>
      <c r="M158" s="45"/>
      <c r="N158" s="45"/>
      <c r="O158" s="45" t="s">
        <v>312</v>
      </c>
      <c r="P158" s="45">
        <v>90</v>
      </c>
      <c r="Q158" s="45">
        <v>120</v>
      </c>
      <c r="R158" s="45" t="s">
        <v>36</v>
      </c>
      <c r="S158" s="45"/>
      <c r="T158" s="45" t="s">
        <v>76</v>
      </c>
      <c r="U158" s="45"/>
      <c r="V158" s="48" t="s">
        <v>37</v>
      </c>
      <c r="W158" s="45" t="s">
        <v>571</v>
      </c>
    </row>
    <row r="159" spans="1:23" s="44" customFormat="1" ht="19.899999999999999" customHeight="1">
      <c r="A159" s="59">
        <v>771320005</v>
      </c>
      <c r="B159" s="42"/>
      <c r="C159" s="43" t="s">
        <v>576</v>
      </c>
      <c r="D159" s="44" t="s">
        <v>269</v>
      </c>
      <c r="E159" s="42" t="s">
        <v>157</v>
      </c>
      <c r="F159" s="58" t="s">
        <v>577</v>
      </c>
      <c r="G159" s="42" t="s">
        <v>147</v>
      </c>
      <c r="H159" s="45"/>
      <c r="I159" s="45"/>
      <c r="J159" s="45" t="s">
        <v>108</v>
      </c>
      <c r="K159" s="46" t="s">
        <v>48</v>
      </c>
      <c r="L159" s="45" t="s">
        <v>49</v>
      </c>
      <c r="M159" s="45"/>
      <c r="N159" s="45"/>
      <c r="O159" s="45" t="s">
        <v>312</v>
      </c>
      <c r="P159" s="45">
        <v>90</v>
      </c>
      <c r="Q159" s="45">
        <v>120</v>
      </c>
      <c r="R159" s="45" t="s">
        <v>36</v>
      </c>
      <c r="S159" s="45"/>
      <c r="T159" s="45" t="s">
        <v>76</v>
      </c>
      <c r="U159" s="45"/>
      <c r="V159" s="48" t="s">
        <v>37</v>
      </c>
      <c r="W159" s="45" t="s">
        <v>571</v>
      </c>
    </row>
    <row r="160" spans="1:23" s="44" customFormat="1" ht="19.899999999999999" customHeight="1">
      <c r="A160" s="59">
        <v>885340001</v>
      </c>
      <c r="B160" s="42"/>
      <c r="C160" s="43" t="s">
        <v>578</v>
      </c>
      <c r="D160" s="44" t="s">
        <v>137</v>
      </c>
      <c r="E160" s="42" t="s">
        <v>579</v>
      </c>
      <c r="F160" s="58" t="s">
        <v>580</v>
      </c>
      <c r="G160" s="42" t="s">
        <v>581</v>
      </c>
      <c r="H160" s="45"/>
      <c r="I160" s="45"/>
      <c r="J160" s="45" t="s">
        <v>582</v>
      </c>
      <c r="K160" s="46" t="s">
        <v>583</v>
      </c>
      <c r="L160" s="45"/>
      <c r="M160" s="45"/>
      <c r="N160" s="45" t="s">
        <v>409</v>
      </c>
      <c r="O160" s="45" t="s">
        <v>312</v>
      </c>
      <c r="P160" s="45">
        <v>480</v>
      </c>
      <c r="Q160" s="57">
        <v>1000</v>
      </c>
      <c r="R160" s="45" t="s">
        <v>36</v>
      </c>
      <c r="S160" s="45"/>
      <c r="T160" s="45" t="s">
        <v>76</v>
      </c>
      <c r="U160" s="45"/>
      <c r="V160" s="48" t="s">
        <v>37</v>
      </c>
      <c r="W160" s="45" t="s">
        <v>584</v>
      </c>
    </row>
    <row r="161" spans="1:23" s="44" customFormat="1" ht="19.899999999999999" customHeight="1">
      <c r="A161" s="59">
        <v>880130018</v>
      </c>
      <c r="B161" s="42" t="s">
        <v>585</v>
      </c>
      <c r="C161" s="43" t="s">
        <v>586</v>
      </c>
      <c r="D161" s="44" t="s">
        <v>135</v>
      </c>
      <c r="E161" s="42" t="s">
        <v>27</v>
      </c>
      <c r="F161" s="58" t="s">
        <v>587</v>
      </c>
      <c r="G161" s="42" t="s">
        <v>588</v>
      </c>
      <c r="H161" s="45"/>
      <c r="I161" s="45"/>
      <c r="J161" s="45" t="s">
        <v>582</v>
      </c>
      <c r="K161" s="46" t="s">
        <v>589</v>
      </c>
      <c r="L161" s="45"/>
      <c r="M161" s="45"/>
      <c r="N161" s="45" t="s">
        <v>409</v>
      </c>
      <c r="O161" s="45" t="s">
        <v>312</v>
      </c>
      <c r="P161" s="45">
        <v>650</v>
      </c>
      <c r="Q161" s="45">
        <v>980</v>
      </c>
      <c r="R161" s="45" t="s">
        <v>90</v>
      </c>
      <c r="S161" s="45"/>
      <c r="T161" s="45" t="s">
        <v>76</v>
      </c>
      <c r="U161" s="45"/>
      <c r="V161" s="48" t="s">
        <v>37</v>
      </c>
      <c r="W161" s="45" t="s">
        <v>590</v>
      </c>
    </row>
    <row r="162" spans="1:23" s="44" customFormat="1" ht="19.899999999999999" customHeight="1">
      <c r="A162" s="59">
        <v>880330032</v>
      </c>
      <c r="B162" s="42" t="s">
        <v>585</v>
      </c>
      <c r="C162" s="43" t="s">
        <v>591</v>
      </c>
      <c r="D162" s="44" t="s">
        <v>135</v>
      </c>
      <c r="E162" s="42" t="s">
        <v>27</v>
      </c>
      <c r="F162" s="58" t="s">
        <v>592</v>
      </c>
      <c r="G162" s="42" t="s">
        <v>593</v>
      </c>
      <c r="H162" s="45"/>
      <c r="I162" s="45"/>
      <c r="J162" s="45" t="s">
        <v>582</v>
      </c>
      <c r="K162" s="46" t="s">
        <v>589</v>
      </c>
      <c r="L162" s="45"/>
      <c r="M162" s="45"/>
      <c r="N162" s="45" t="s">
        <v>409</v>
      </c>
      <c r="O162" s="45" t="s">
        <v>312</v>
      </c>
      <c r="P162" s="45">
        <v>450</v>
      </c>
      <c r="Q162" s="45">
        <v>650</v>
      </c>
      <c r="R162" s="45" t="s">
        <v>90</v>
      </c>
      <c r="S162" s="45"/>
      <c r="T162" s="45" t="s">
        <v>76</v>
      </c>
      <c r="U162" s="45"/>
      <c r="V162" s="48" t="s">
        <v>37</v>
      </c>
      <c r="W162" s="45" t="s">
        <v>590</v>
      </c>
    </row>
    <row r="163" spans="1:23" s="44" customFormat="1" ht="19.899999999999999" customHeight="1">
      <c r="A163" s="59">
        <v>222330002</v>
      </c>
      <c r="B163" s="42"/>
      <c r="C163" s="43" t="s">
        <v>594</v>
      </c>
      <c r="D163" s="44" t="s">
        <v>135</v>
      </c>
      <c r="E163" s="42" t="s">
        <v>27</v>
      </c>
      <c r="F163" s="58" t="s">
        <v>595</v>
      </c>
      <c r="G163" s="42" t="s">
        <v>596</v>
      </c>
      <c r="H163" s="45"/>
      <c r="I163" s="45"/>
      <c r="J163" s="45" t="s">
        <v>582</v>
      </c>
      <c r="K163" s="46" t="s">
        <v>597</v>
      </c>
      <c r="L163" s="45"/>
      <c r="M163" s="45"/>
      <c r="N163" s="45" t="s">
        <v>409</v>
      </c>
      <c r="O163" s="45" t="s">
        <v>312</v>
      </c>
      <c r="P163" s="45">
        <v>570</v>
      </c>
      <c r="Q163" s="45">
        <v>650</v>
      </c>
      <c r="R163" s="45" t="s">
        <v>36</v>
      </c>
      <c r="S163" s="45"/>
      <c r="T163" s="45" t="s">
        <v>31</v>
      </c>
      <c r="U163" s="45"/>
      <c r="V163" s="48" t="s">
        <v>37</v>
      </c>
      <c r="W163" s="45" t="s">
        <v>598</v>
      </c>
    </row>
    <row r="164" spans="1:23" s="44" customFormat="1" ht="19.899999999999999" customHeight="1">
      <c r="A164" s="59">
        <v>222330003</v>
      </c>
      <c r="B164" s="42"/>
      <c r="C164" s="43" t="s">
        <v>599</v>
      </c>
      <c r="D164" s="44" t="s">
        <v>135</v>
      </c>
      <c r="E164" s="42" t="s">
        <v>86</v>
      </c>
      <c r="F164" s="58" t="s">
        <v>600</v>
      </c>
      <c r="G164" s="42" t="s">
        <v>601</v>
      </c>
      <c r="H164" s="45"/>
      <c r="I164" s="45"/>
      <c r="J164" s="45" t="s">
        <v>582</v>
      </c>
      <c r="K164" s="45" t="s">
        <v>602</v>
      </c>
      <c r="L164" s="45"/>
      <c r="M164" s="45"/>
      <c r="N164" s="45" t="s">
        <v>409</v>
      </c>
      <c r="O164" s="45" t="s">
        <v>312</v>
      </c>
      <c r="P164" s="45">
        <v>670</v>
      </c>
      <c r="Q164" s="45">
        <v>890</v>
      </c>
      <c r="R164" s="45" t="s">
        <v>36</v>
      </c>
      <c r="S164" s="45"/>
      <c r="T164" s="45" t="s">
        <v>31</v>
      </c>
      <c r="U164" s="45"/>
      <c r="V164" s="48" t="s">
        <v>37</v>
      </c>
      <c r="W164" s="45" t="s">
        <v>598</v>
      </c>
    </row>
    <row r="165" spans="1:23" s="44" customFormat="1" ht="19.899999999999999" customHeight="1">
      <c r="A165" s="59">
        <v>222340005</v>
      </c>
      <c r="B165" s="42"/>
      <c r="C165" s="43" t="s">
        <v>603</v>
      </c>
      <c r="D165" s="44" t="s">
        <v>137</v>
      </c>
      <c r="E165" s="42" t="s">
        <v>86</v>
      </c>
      <c r="F165" s="58" t="s">
        <v>604</v>
      </c>
      <c r="G165" s="42" t="s">
        <v>605</v>
      </c>
      <c r="H165" s="45"/>
      <c r="I165" s="45"/>
      <c r="J165" s="45" t="s">
        <v>582</v>
      </c>
      <c r="K165" s="45" t="s">
        <v>506</v>
      </c>
      <c r="L165" s="45"/>
      <c r="M165" s="45"/>
      <c r="N165" s="45" t="s">
        <v>409</v>
      </c>
      <c r="O165" s="45" t="s">
        <v>312</v>
      </c>
      <c r="P165" s="45">
        <v>220</v>
      </c>
      <c r="Q165" s="45">
        <v>280</v>
      </c>
      <c r="R165" s="45" t="s">
        <v>36</v>
      </c>
      <c r="S165" s="45"/>
      <c r="T165" s="45" t="s">
        <v>31</v>
      </c>
      <c r="U165" s="45"/>
      <c r="V165" s="48" t="s">
        <v>37</v>
      </c>
      <c r="W165" s="45" t="s">
        <v>598</v>
      </c>
    </row>
    <row r="166" spans="1:23" s="44" customFormat="1" ht="19.899999999999999" customHeight="1">
      <c r="A166" s="59">
        <v>222340006</v>
      </c>
      <c r="B166" s="42"/>
      <c r="C166" s="43" t="s">
        <v>606</v>
      </c>
      <c r="D166" s="44" t="s">
        <v>137</v>
      </c>
      <c r="E166" s="42" t="s">
        <v>86</v>
      </c>
      <c r="F166" s="58" t="s">
        <v>607</v>
      </c>
      <c r="G166" s="42" t="s">
        <v>608</v>
      </c>
      <c r="H166" s="45"/>
      <c r="I166" s="45"/>
      <c r="J166" s="45" t="s">
        <v>582</v>
      </c>
      <c r="K166" s="45" t="s">
        <v>506</v>
      </c>
      <c r="L166" s="45"/>
      <c r="M166" s="45"/>
      <c r="N166" s="45" t="s">
        <v>409</v>
      </c>
      <c r="O166" s="45" t="s">
        <v>312</v>
      </c>
      <c r="P166" s="45">
        <v>140</v>
      </c>
      <c r="Q166" s="45">
        <v>280</v>
      </c>
      <c r="R166" s="45" t="s">
        <v>36</v>
      </c>
      <c r="S166" s="45"/>
      <c r="T166" s="45" t="s">
        <v>31</v>
      </c>
      <c r="U166" s="45"/>
      <c r="V166" s="48" t="s">
        <v>37</v>
      </c>
      <c r="W166" s="45" t="s">
        <v>598</v>
      </c>
    </row>
    <row r="167" spans="1:23" s="44" customFormat="1" ht="19.899999999999999" customHeight="1">
      <c r="A167" s="59">
        <v>222330009</v>
      </c>
      <c r="B167" s="42"/>
      <c r="C167" s="43" t="s">
        <v>609</v>
      </c>
      <c r="D167" s="44" t="s">
        <v>135</v>
      </c>
      <c r="E167" s="42" t="s">
        <v>27</v>
      </c>
      <c r="F167" s="58" t="s">
        <v>610</v>
      </c>
      <c r="G167" s="42" t="s">
        <v>611</v>
      </c>
      <c r="H167" s="45"/>
      <c r="I167" s="45"/>
      <c r="J167" s="45" t="s">
        <v>582</v>
      </c>
      <c r="K167" s="46" t="s">
        <v>612</v>
      </c>
      <c r="L167" s="45"/>
      <c r="M167" s="45"/>
      <c r="N167" s="45" t="s">
        <v>409</v>
      </c>
      <c r="O167" s="45" t="s">
        <v>312</v>
      </c>
      <c r="P167" s="45">
        <v>420</v>
      </c>
      <c r="Q167" s="45">
        <v>650</v>
      </c>
      <c r="R167" s="45" t="s">
        <v>36</v>
      </c>
      <c r="S167" s="45"/>
      <c r="T167" s="45" t="s">
        <v>31</v>
      </c>
      <c r="U167" s="45"/>
      <c r="V167" s="48" t="s">
        <v>37</v>
      </c>
      <c r="W167" s="45" t="s">
        <v>598</v>
      </c>
    </row>
    <row r="168" spans="1:23" s="44" customFormat="1" ht="19.899999999999999" customHeight="1">
      <c r="A168" s="59">
        <v>222330007</v>
      </c>
      <c r="B168" s="42"/>
      <c r="C168" s="43" t="s">
        <v>613</v>
      </c>
      <c r="D168" s="44" t="s">
        <v>135</v>
      </c>
      <c r="E168" s="42" t="s">
        <v>86</v>
      </c>
      <c r="F168" s="58" t="s">
        <v>614</v>
      </c>
      <c r="G168" s="42" t="s">
        <v>615</v>
      </c>
      <c r="H168" s="45"/>
      <c r="I168" s="45"/>
      <c r="J168" s="45" t="s">
        <v>582</v>
      </c>
      <c r="K168" s="45" t="s">
        <v>506</v>
      </c>
      <c r="L168" s="45"/>
      <c r="M168" s="45"/>
      <c r="N168" s="45" t="s">
        <v>409</v>
      </c>
      <c r="O168" s="45" t="s">
        <v>312</v>
      </c>
      <c r="P168" s="45">
        <v>550</v>
      </c>
      <c r="Q168" s="45">
        <v>790</v>
      </c>
      <c r="R168" s="45" t="s">
        <v>36</v>
      </c>
      <c r="S168" s="45"/>
      <c r="T168" s="45" t="s">
        <v>31</v>
      </c>
      <c r="U168" s="45"/>
      <c r="V168" s="48" t="s">
        <v>37</v>
      </c>
      <c r="W168" s="45" t="s">
        <v>598</v>
      </c>
    </row>
    <row r="169" spans="1:23" s="44" customFormat="1" ht="19.899999999999999" customHeight="1">
      <c r="A169" s="59">
        <v>222330008</v>
      </c>
      <c r="B169" s="42"/>
      <c r="C169" s="43" t="s">
        <v>616</v>
      </c>
      <c r="D169" s="44" t="s">
        <v>135</v>
      </c>
      <c r="E169" s="42" t="s">
        <v>27</v>
      </c>
      <c r="F169" s="58" t="s">
        <v>617</v>
      </c>
      <c r="G169" s="42" t="s">
        <v>618</v>
      </c>
      <c r="H169" s="45"/>
      <c r="I169" s="45"/>
      <c r="J169" s="45" t="s">
        <v>582</v>
      </c>
      <c r="K169" s="46" t="s">
        <v>619</v>
      </c>
      <c r="L169" s="45"/>
      <c r="M169" s="45"/>
      <c r="N169" s="45" t="s">
        <v>409</v>
      </c>
      <c r="O169" s="45" t="s">
        <v>312</v>
      </c>
      <c r="P169" s="45">
        <v>420</v>
      </c>
      <c r="Q169" s="45">
        <v>650</v>
      </c>
      <c r="R169" s="45" t="s">
        <v>36</v>
      </c>
      <c r="S169" s="45"/>
      <c r="T169" s="45" t="s">
        <v>31</v>
      </c>
      <c r="U169" s="45"/>
      <c r="V169" s="48" t="s">
        <v>37</v>
      </c>
      <c r="W169" s="45" t="s">
        <v>598</v>
      </c>
    </row>
    <row r="170" spans="1:23" s="44" customFormat="1" ht="19.899999999999999" customHeight="1">
      <c r="A170" s="59">
        <v>222330010</v>
      </c>
      <c r="B170" s="42"/>
      <c r="C170" s="43" t="s">
        <v>620</v>
      </c>
      <c r="D170" s="44" t="s">
        <v>135</v>
      </c>
      <c r="E170" s="42" t="s">
        <v>27</v>
      </c>
      <c r="F170" s="58" t="s">
        <v>621</v>
      </c>
      <c r="G170" s="42" t="s">
        <v>622</v>
      </c>
      <c r="H170" s="45"/>
      <c r="I170" s="45"/>
      <c r="J170" s="45" t="s">
        <v>582</v>
      </c>
      <c r="K170" s="46" t="s">
        <v>612</v>
      </c>
      <c r="L170" s="45"/>
      <c r="M170" s="45"/>
      <c r="N170" s="45" t="s">
        <v>409</v>
      </c>
      <c r="O170" s="45" t="s">
        <v>312</v>
      </c>
      <c r="P170" s="45">
        <v>550</v>
      </c>
      <c r="Q170" s="45">
        <v>790</v>
      </c>
      <c r="R170" s="45" t="s">
        <v>36</v>
      </c>
      <c r="S170" s="45"/>
      <c r="T170" s="45" t="s">
        <v>31</v>
      </c>
      <c r="U170" s="45"/>
      <c r="V170" s="48" t="s">
        <v>37</v>
      </c>
      <c r="W170" s="45" t="s">
        <v>598</v>
      </c>
    </row>
    <row r="171" spans="1:23" s="44" customFormat="1" ht="19.899999999999999" customHeight="1">
      <c r="A171" s="59">
        <v>222340011</v>
      </c>
      <c r="B171" s="42"/>
      <c r="C171" s="43" t="s">
        <v>623</v>
      </c>
      <c r="D171" s="44" t="s">
        <v>137</v>
      </c>
      <c r="E171" s="42" t="s">
        <v>86</v>
      </c>
      <c r="F171" s="58" t="s">
        <v>624</v>
      </c>
      <c r="G171" s="42" t="s">
        <v>625</v>
      </c>
      <c r="H171" s="45"/>
      <c r="I171" s="45"/>
      <c r="J171" s="45" t="s">
        <v>582</v>
      </c>
      <c r="K171" s="46" t="s">
        <v>583</v>
      </c>
      <c r="L171" s="45"/>
      <c r="M171" s="45"/>
      <c r="N171" s="45" t="s">
        <v>409</v>
      </c>
      <c r="O171" s="45" t="s">
        <v>312</v>
      </c>
      <c r="P171" s="45">
        <v>650</v>
      </c>
      <c r="Q171" s="45">
        <v>890</v>
      </c>
      <c r="R171" s="45" t="s">
        <v>36</v>
      </c>
      <c r="S171" s="45"/>
      <c r="T171" s="45" t="s">
        <v>31</v>
      </c>
      <c r="U171" s="45"/>
      <c r="V171" s="48" t="s">
        <v>37</v>
      </c>
      <c r="W171" s="45" t="s">
        <v>598</v>
      </c>
    </row>
    <row r="172" spans="1:23" s="44" customFormat="1" ht="19.899999999999999" customHeight="1">
      <c r="A172" s="59">
        <v>222340012</v>
      </c>
      <c r="B172" s="42"/>
      <c r="C172" s="43" t="s">
        <v>626</v>
      </c>
      <c r="D172" s="44" t="s">
        <v>137</v>
      </c>
      <c r="E172" s="42" t="s">
        <v>27</v>
      </c>
      <c r="F172" s="58" t="s">
        <v>627</v>
      </c>
      <c r="G172" s="42" t="s">
        <v>628</v>
      </c>
      <c r="H172" s="45"/>
      <c r="I172" s="45"/>
      <c r="J172" s="45" t="s">
        <v>582</v>
      </c>
      <c r="K172" s="46" t="s">
        <v>583</v>
      </c>
      <c r="L172" s="45"/>
      <c r="M172" s="45"/>
      <c r="N172" s="45" t="s">
        <v>409</v>
      </c>
      <c r="O172" s="45" t="s">
        <v>312</v>
      </c>
      <c r="P172" s="57">
        <v>1350</v>
      </c>
      <c r="Q172" s="57">
        <v>1690</v>
      </c>
      <c r="R172" s="45" t="s">
        <v>36</v>
      </c>
      <c r="S172" s="45"/>
      <c r="T172" s="45" t="s">
        <v>31</v>
      </c>
      <c r="U172" s="45"/>
      <c r="V172" s="48" t="s">
        <v>37</v>
      </c>
      <c r="W172" s="45" t="s">
        <v>598</v>
      </c>
    </row>
    <row r="173" spans="1:23" s="44" customFormat="1" ht="19.899999999999999" customHeight="1">
      <c r="A173" s="59">
        <v>222340013</v>
      </c>
      <c r="B173" s="42"/>
      <c r="C173" s="43" t="s">
        <v>629</v>
      </c>
      <c r="D173" s="44" t="s">
        <v>137</v>
      </c>
      <c r="E173" s="42" t="s">
        <v>27</v>
      </c>
      <c r="F173" s="58" t="s">
        <v>627</v>
      </c>
      <c r="G173" s="42" t="s">
        <v>630</v>
      </c>
      <c r="H173" s="45"/>
      <c r="I173" s="45"/>
      <c r="J173" s="45" t="s">
        <v>582</v>
      </c>
      <c r="K173" s="46" t="s">
        <v>583</v>
      </c>
      <c r="L173" s="45"/>
      <c r="M173" s="45"/>
      <c r="N173" s="45" t="s">
        <v>409</v>
      </c>
      <c r="O173" s="45" t="s">
        <v>312</v>
      </c>
      <c r="P173" s="57">
        <v>1650</v>
      </c>
      <c r="Q173" s="57">
        <v>1990</v>
      </c>
      <c r="R173" s="45" t="s">
        <v>36</v>
      </c>
      <c r="S173" s="45"/>
      <c r="T173" s="45" t="s">
        <v>31</v>
      </c>
      <c r="U173" s="45"/>
      <c r="V173" s="48" t="s">
        <v>37</v>
      </c>
      <c r="W173" s="45" t="s">
        <v>598</v>
      </c>
    </row>
    <row r="174" spans="1:23" s="44" customFormat="1" ht="19.899999999999999" customHeight="1">
      <c r="A174" s="59">
        <v>770330001</v>
      </c>
      <c r="B174" s="42" t="s">
        <v>465</v>
      </c>
      <c r="C174" s="43" t="s">
        <v>631</v>
      </c>
      <c r="D174" s="44" t="s">
        <v>135</v>
      </c>
      <c r="E174" s="42" t="s">
        <v>303</v>
      </c>
      <c r="F174" s="58" t="s">
        <v>632</v>
      </c>
      <c r="G174" s="42" t="s">
        <v>633</v>
      </c>
      <c r="H174" s="45"/>
      <c r="I174" s="45"/>
      <c r="J174" s="45" t="s">
        <v>582</v>
      </c>
      <c r="K174" s="46" t="s">
        <v>389</v>
      </c>
      <c r="L174" s="45"/>
      <c r="M174" s="45"/>
      <c r="N174" s="45" t="s">
        <v>409</v>
      </c>
      <c r="O174" s="45" t="s">
        <v>312</v>
      </c>
      <c r="P174" s="57">
        <v>1150</v>
      </c>
      <c r="Q174" s="57">
        <v>1500</v>
      </c>
      <c r="R174" s="45" t="s">
        <v>36</v>
      </c>
      <c r="S174" s="45"/>
      <c r="T174" s="45" t="s">
        <v>31</v>
      </c>
      <c r="U174" s="45"/>
      <c r="V174" s="48" t="s">
        <v>37</v>
      </c>
      <c r="W174" s="45" t="s">
        <v>465</v>
      </c>
    </row>
    <row r="175" spans="1:23" s="44" customFormat="1" ht="19.899999999999999" customHeight="1">
      <c r="A175" s="59">
        <v>770330002</v>
      </c>
      <c r="B175" s="42" t="s">
        <v>465</v>
      </c>
      <c r="C175" s="43" t="s">
        <v>634</v>
      </c>
      <c r="D175" s="44" t="s">
        <v>135</v>
      </c>
      <c r="E175" s="42" t="s">
        <v>27</v>
      </c>
      <c r="F175" s="58" t="s">
        <v>635</v>
      </c>
      <c r="G175" s="42" t="s">
        <v>636</v>
      </c>
      <c r="H175" s="45"/>
      <c r="I175" s="45"/>
      <c r="J175" s="45" t="s">
        <v>582</v>
      </c>
      <c r="K175" s="46" t="s">
        <v>389</v>
      </c>
      <c r="L175" s="45"/>
      <c r="M175" s="45"/>
      <c r="N175" s="45" t="s">
        <v>409</v>
      </c>
      <c r="O175" s="45" t="s">
        <v>312</v>
      </c>
      <c r="P175" s="45">
        <v>420</v>
      </c>
      <c r="Q175" s="45">
        <v>550</v>
      </c>
      <c r="R175" s="45" t="s">
        <v>36</v>
      </c>
      <c r="S175" s="45"/>
      <c r="T175" s="45" t="s">
        <v>31</v>
      </c>
      <c r="U175" s="45"/>
      <c r="V175" s="48" t="s">
        <v>37</v>
      </c>
      <c r="W175" s="45" t="s">
        <v>465</v>
      </c>
    </row>
    <row r="176" spans="1:23" s="44" customFormat="1" ht="19.899999999999999" customHeight="1">
      <c r="A176" s="41">
        <v>770330003</v>
      </c>
      <c r="B176" s="42" t="s">
        <v>465</v>
      </c>
      <c r="C176" s="43" t="s">
        <v>637</v>
      </c>
      <c r="D176" s="44" t="s">
        <v>135</v>
      </c>
      <c r="E176" s="42" t="s">
        <v>27</v>
      </c>
      <c r="F176" s="58" t="s">
        <v>638</v>
      </c>
      <c r="G176" s="42" t="s">
        <v>639</v>
      </c>
      <c r="H176" s="45"/>
      <c r="I176" s="45"/>
      <c r="J176" s="45" t="s">
        <v>582</v>
      </c>
      <c r="K176" s="46" t="s">
        <v>389</v>
      </c>
      <c r="L176" s="45"/>
      <c r="M176" s="45"/>
      <c r="N176" s="45" t="s">
        <v>409</v>
      </c>
      <c r="O176" s="45" t="s">
        <v>312</v>
      </c>
      <c r="P176" s="45">
        <v>500</v>
      </c>
      <c r="Q176" s="45">
        <v>850</v>
      </c>
      <c r="R176" s="45" t="s">
        <v>36</v>
      </c>
      <c r="S176" s="45"/>
      <c r="T176" s="45" t="s">
        <v>31</v>
      </c>
      <c r="U176" s="45"/>
      <c r="V176" s="48" t="s">
        <v>37</v>
      </c>
      <c r="W176" s="45" t="s">
        <v>465</v>
      </c>
    </row>
    <row r="177" spans="1:23" s="44" customFormat="1" ht="19.899999999999999" customHeight="1">
      <c r="A177" s="41">
        <v>770340004</v>
      </c>
      <c r="B177" s="42" t="s">
        <v>465</v>
      </c>
      <c r="C177" s="43" t="s">
        <v>640</v>
      </c>
      <c r="D177" s="44" t="s">
        <v>137</v>
      </c>
      <c r="E177" s="42" t="s">
        <v>93</v>
      </c>
      <c r="F177" s="58" t="s">
        <v>641</v>
      </c>
      <c r="G177" s="42" t="s">
        <v>642</v>
      </c>
      <c r="H177" s="45"/>
      <c r="I177" s="45"/>
      <c r="J177" s="45" t="s">
        <v>582</v>
      </c>
      <c r="K177" s="46" t="s">
        <v>643</v>
      </c>
      <c r="L177" s="45"/>
      <c r="M177" s="45"/>
      <c r="N177" s="45" t="s">
        <v>409</v>
      </c>
      <c r="O177" s="45" t="s">
        <v>312</v>
      </c>
      <c r="P177" s="45">
        <v>125</v>
      </c>
      <c r="Q177" s="45">
        <v>160</v>
      </c>
      <c r="R177" s="45" t="s">
        <v>36</v>
      </c>
      <c r="S177" s="45"/>
      <c r="T177" s="45" t="s">
        <v>31</v>
      </c>
      <c r="U177" s="45"/>
      <c r="V177" s="48" t="s">
        <v>37</v>
      </c>
      <c r="W177" s="45" t="s">
        <v>465</v>
      </c>
    </row>
    <row r="178" spans="1:23" s="44" customFormat="1" ht="19.899999999999999" customHeight="1">
      <c r="A178" s="41">
        <v>770330005</v>
      </c>
      <c r="B178" s="42" t="s">
        <v>465</v>
      </c>
      <c r="C178" s="43" t="s">
        <v>644</v>
      </c>
      <c r="D178" s="44" t="s">
        <v>135</v>
      </c>
      <c r="E178" s="42" t="s">
        <v>27</v>
      </c>
      <c r="F178" s="58" t="s">
        <v>645</v>
      </c>
      <c r="G178" s="42" t="s">
        <v>646</v>
      </c>
      <c r="H178" s="45"/>
      <c r="I178" s="45"/>
      <c r="J178" s="45" t="s">
        <v>582</v>
      </c>
      <c r="K178" s="46" t="s">
        <v>389</v>
      </c>
      <c r="L178" s="45"/>
      <c r="M178" s="45"/>
      <c r="N178" s="45" t="s">
        <v>409</v>
      </c>
      <c r="O178" s="45" t="s">
        <v>312</v>
      </c>
      <c r="P178" s="45">
        <v>380</v>
      </c>
      <c r="Q178" s="45">
        <v>490</v>
      </c>
      <c r="R178" s="45" t="s">
        <v>36</v>
      </c>
      <c r="S178" s="45"/>
      <c r="T178" s="45" t="s">
        <v>31</v>
      </c>
      <c r="U178" s="45"/>
      <c r="V178" s="48" t="s">
        <v>37</v>
      </c>
      <c r="W178" s="45" t="s">
        <v>465</v>
      </c>
    </row>
    <row r="179" spans="1:23" s="44" customFormat="1" ht="19.899999999999999" customHeight="1">
      <c r="A179" s="41">
        <v>770330006</v>
      </c>
      <c r="B179" s="42" t="s">
        <v>465</v>
      </c>
      <c r="C179" s="43" t="s">
        <v>647</v>
      </c>
      <c r="D179" s="44" t="s">
        <v>135</v>
      </c>
      <c r="E179" s="42" t="s">
        <v>27</v>
      </c>
      <c r="F179" s="58" t="s">
        <v>648</v>
      </c>
      <c r="G179" s="42" t="s">
        <v>649</v>
      </c>
      <c r="H179" s="45"/>
      <c r="I179" s="45"/>
      <c r="J179" s="45" t="s">
        <v>582</v>
      </c>
      <c r="K179" s="46" t="s">
        <v>389</v>
      </c>
      <c r="L179" s="45"/>
      <c r="M179" s="45"/>
      <c r="N179" s="45" t="s">
        <v>409</v>
      </c>
      <c r="O179" s="45" t="s">
        <v>312</v>
      </c>
      <c r="P179" s="45">
        <v>550</v>
      </c>
      <c r="Q179" s="45">
        <v>850</v>
      </c>
      <c r="R179" s="45" t="s">
        <v>36</v>
      </c>
      <c r="S179" s="45"/>
      <c r="T179" s="45" t="s">
        <v>31</v>
      </c>
      <c r="U179" s="45"/>
      <c r="V179" s="48" t="s">
        <v>37</v>
      </c>
      <c r="W179" s="45" t="s">
        <v>465</v>
      </c>
    </row>
    <row r="180" spans="1:23" s="44" customFormat="1" ht="19.899999999999999" customHeight="1">
      <c r="A180" s="41">
        <v>770330007</v>
      </c>
      <c r="B180" s="42" t="s">
        <v>465</v>
      </c>
      <c r="C180" s="43" t="s">
        <v>650</v>
      </c>
      <c r="D180" s="44" t="s">
        <v>135</v>
      </c>
      <c r="E180" s="42" t="s">
        <v>27</v>
      </c>
      <c r="F180" s="58" t="s">
        <v>651</v>
      </c>
      <c r="G180" s="42" t="s">
        <v>652</v>
      </c>
      <c r="H180" s="45"/>
      <c r="I180" s="45"/>
      <c r="J180" s="45" t="s">
        <v>582</v>
      </c>
      <c r="K180" s="46" t="s">
        <v>389</v>
      </c>
      <c r="L180" s="45"/>
      <c r="M180" s="45"/>
      <c r="N180" s="45" t="s">
        <v>409</v>
      </c>
      <c r="O180" s="45" t="s">
        <v>312</v>
      </c>
      <c r="P180" s="45">
        <v>850</v>
      </c>
      <c r="Q180" s="57">
        <v>1200</v>
      </c>
      <c r="R180" s="45" t="s">
        <v>36</v>
      </c>
      <c r="S180" s="45"/>
      <c r="T180" s="45" t="s">
        <v>31</v>
      </c>
      <c r="U180" s="45"/>
      <c r="V180" s="48" t="s">
        <v>37</v>
      </c>
      <c r="W180" s="45" t="s">
        <v>465</v>
      </c>
    </row>
    <row r="181" spans="1:23" s="44" customFormat="1" ht="19.899999999999999" customHeight="1">
      <c r="A181" s="41">
        <v>770340011</v>
      </c>
      <c r="B181" s="42" t="s">
        <v>465</v>
      </c>
      <c r="C181" s="43" t="s">
        <v>653</v>
      </c>
      <c r="D181" s="44" t="s">
        <v>137</v>
      </c>
      <c r="E181" s="42" t="s">
        <v>27</v>
      </c>
      <c r="F181" s="58" t="s">
        <v>654</v>
      </c>
      <c r="G181" s="42" t="s">
        <v>655</v>
      </c>
      <c r="H181" s="45"/>
      <c r="I181" s="45"/>
      <c r="J181" s="45" t="s">
        <v>582</v>
      </c>
      <c r="K181" s="46" t="s">
        <v>389</v>
      </c>
      <c r="L181" s="45"/>
      <c r="M181" s="45"/>
      <c r="N181" s="45" t="s">
        <v>409</v>
      </c>
      <c r="O181" s="45" t="s">
        <v>312</v>
      </c>
      <c r="P181" s="57">
        <v>120</v>
      </c>
      <c r="Q181" s="57">
        <v>190</v>
      </c>
      <c r="R181" s="45" t="s">
        <v>36</v>
      </c>
      <c r="S181" s="45"/>
      <c r="T181" s="45" t="s">
        <v>31</v>
      </c>
      <c r="U181" s="45"/>
      <c r="V181" s="48" t="s">
        <v>37</v>
      </c>
      <c r="W181" s="45" t="s">
        <v>465</v>
      </c>
    </row>
    <row r="182" spans="1:23" s="44" customFormat="1" ht="19.899999999999999" customHeight="1">
      <c r="A182" s="41">
        <v>770340012</v>
      </c>
      <c r="B182" s="42" t="s">
        <v>465</v>
      </c>
      <c r="C182" s="43" t="s">
        <v>656</v>
      </c>
      <c r="D182" s="44" t="s">
        <v>137</v>
      </c>
      <c r="E182" s="42" t="s">
        <v>27</v>
      </c>
      <c r="F182" s="58" t="s">
        <v>657</v>
      </c>
      <c r="G182" s="42" t="s">
        <v>655</v>
      </c>
      <c r="H182" s="45"/>
      <c r="I182" s="45"/>
      <c r="J182" s="45" t="s">
        <v>582</v>
      </c>
      <c r="K182" s="46" t="s">
        <v>389</v>
      </c>
      <c r="L182" s="45"/>
      <c r="M182" s="45"/>
      <c r="N182" s="45" t="s">
        <v>409</v>
      </c>
      <c r="O182" s="45" t="s">
        <v>312</v>
      </c>
      <c r="P182" s="57">
        <v>150</v>
      </c>
      <c r="Q182" s="57">
        <v>210</v>
      </c>
      <c r="R182" s="45" t="s">
        <v>36</v>
      </c>
      <c r="S182" s="45"/>
      <c r="T182" s="45" t="s">
        <v>31</v>
      </c>
      <c r="U182" s="45"/>
      <c r="V182" s="48" t="s">
        <v>37</v>
      </c>
      <c r="W182" s="45" t="s">
        <v>465</v>
      </c>
    </row>
    <row r="183" spans="1:23" s="44" customFormat="1" ht="19.899999999999999" customHeight="1">
      <c r="A183" s="59">
        <v>111330001</v>
      </c>
      <c r="B183" s="42"/>
      <c r="C183" s="43" t="s">
        <v>658</v>
      </c>
      <c r="D183" s="44" t="s">
        <v>135</v>
      </c>
      <c r="E183" s="42" t="s">
        <v>303</v>
      </c>
      <c r="F183" s="58" t="s">
        <v>659</v>
      </c>
      <c r="G183" s="42" t="s">
        <v>660</v>
      </c>
      <c r="H183" s="45"/>
      <c r="I183" s="45"/>
      <c r="J183" s="45" t="s">
        <v>582</v>
      </c>
      <c r="K183" s="46" t="s">
        <v>389</v>
      </c>
      <c r="L183" s="45"/>
      <c r="M183" s="45"/>
      <c r="N183" s="45" t="s">
        <v>409</v>
      </c>
      <c r="O183" s="45" t="s">
        <v>312</v>
      </c>
      <c r="P183" s="45">
        <v>420</v>
      </c>
      <c r="Q183" s="45">
        <v>550</v>
      </c>
      <c r="R183" s="45" t="s">
        <v>36</v>
      </c>
      <c r="S183" s="45"/>
      <c r="T183" s="45" t="s">
        <v>31</v>
      </c>
      <c r="U183" s="45"/>
      <c r="V183" s="48" t="s">
        <v>37</v>
      </c>
      <c r="W183" s="45" t="s">
        <v>661</v>
      </c>
    </row>
    <row r="184" spans="1:23" s="44" customFormat="1" ht="19.899999999999999" customHeight="1">
      <c r="A184" s="59">
        <v>111330002</v>
      </c>
      <c r="B184" s="42"/>
      <c r="C184" s="43" t="s">
        <v>662</v>
      </c>
      <c r="D184" s="44" t="s">
        <v>135</v>
      </c>
      <c r="E184" s="42" t="s">
        <v>303</v>
      </c>
      <c r="F184" s="58" t="s">
        <v>663</v>
      </c>
      <c r="G184" s="42" t="s">
        <v>664</v>
      </c>
      <c r="H184" s="45"/>
      <c r="I184" s="45"/>
      <c r="J184" s="45" t="s">
        <v>582</v>
      </c>
      <c r="K184" s="46" t="s">
        <v>389</v>
      </c>
      <c r="L184" s="45"/>
      <c r="M184" s="45"/>
      <c r="N184" s="45" t="s">
        <v>409</v>
      </c>
      <c r="O184" s="45" t="s">
        <v>312</v>
      </c>
      <c r="P184" s="45">
        <v>345</v>
      </c>
      <c r="Q184" s="45">
        <v>450</v>
      </c>
      <c r="R184" s="45" t="s">
        <v>36</v>
      </c>
      <c r="S184" s="45"/>
      <c r="T184" s="45" t="s">
        <v>31</v>
      </c>
      <c r="U184" s="45"/>
      <c r="V184" s="48" t="s">
        <v>37</v>
      </c>
      <c r="W184" s="45" t="s">
        <v>661</v>
      </c>
    </row>
    <row r="185" spans="1:23" s="44" customFormat="1" ht="19.899999999999999" customHeight="1">
      <c r="A185" s="59">
        <v>111330003</v>
      </c>
      <c r="B185" s="42"/>
      <c r="C185" s="43" t="s">
        <v>665</v>
      </c>
      <c r="D185" s="44" t="s">
        <v>135</v>
      </c>
      <c r="E185" s="42" t="s">
        <v>303</v>
      </c>
      <c r="F185" s="58" t="s">
        <v>663</v>
      </c>
      <c r="G185" s="42" t="s">
        <v>666</v>
      </c>
      <c r="H185" s="45"/>
      <c r="I185" s="45"/>
      <c r="J185" s="45" t="s">
        <v>582</v>
      </c>
      <c r="K185" s="46" t="s">
        <v>389</v>
      </c>
      <c r="L185" s="45"/>
      <c r="M185" s="45"/>
      <c r="N185" s="45" t="s">
        <v>409</v>
      </c>
      <c r="O185" s="45" t="s">
        <v>312</v>
      </c>
      <c r="P185" s="45">
        <v>275</v>
      </c>
      <c r="Q185" s="45">
        <v>350</v>
      </c>
      <c r="R185" s="45" t="s">
        <v>36</v>
      </c>
      <c r="S185" s="45"/>
      <c r="T185" s="45" t="s">
        <v>31</v>
      </c>
      <c r="U185" s="45"/>
      <c r="V185" s="48" t="s">
        <v>37</v>
      </c>
      <c r="W185" s="45" t="s">
        <v>661</v>
      </c>
    </row>
    <row r="186" spans="1:23" s="44" customFormat="1" ht="19.899999999999999" customHeight="1">
      <c r="A186" s="59">
        <v>111330004</v>
      </c>
      <c r="B186" s="42"/>
      <c r="C186" s="43" t="s">
        <v>667</v>
      </c>
      <c r="D186" s="44" t="s">
        <v>135</v>
      </c>
      <c r="E186" s="42" t="s">
        <v>303</v>
      </c>
      <c r="F186" s="58" t="s">
        <v>663</v>
      </c>
      <c r="G186" s="42" t="s">
        <v>668</v>
      </c>
      <c r="H186" s="45"/>
      <c r="I186" s="45"/>
      <c r="J186" s="45" t="s">
        <v>582</v>
      </c>
      <c r="K186" s="46" t="s">
        <v>389</v>
      </c>
      <c r="L186" s="45"/>
      <c r="M186" s="45"/>
      <c r="N186" s="45" t="s">
        <v>409</v>
      </c>
      <c r="O186" s="45" t="s">
        <v>312</v>
      </c>
      <c r="P186" s="45">
        <v>345</v>
      </c>
      <c r="Q186" s="45">
        <v>450</v>
      </c>
      <c r="R186" s="45" t="s">
        <v>36</v>
      </c>
      <c r="S186" s="45"/>
      <c r="T186" s="45" t="s">
        <v>31</v>
      </c>
      <c r="U186" s="45"/>
      <c r="V186" s="48" t="s">
        <v>37</v>
      </c>
      <c r="W186" s="45" t="s">
        <v>661</v>
      </c>
    </row>
    <row r="187" spans="1:23" s="44" customFormat="1" ht="19.899999999999999" customHeight="1">
      <c r="A187" s="59">
        <v>111330005</v>
      </c>
      <c r="B187" s="42"/>
      <c r="C187" s="43" t="s">
        <v>669</v>
      </c>
      <c r="D187" s="44" t="s">
        <v>135</v>
      </c>
      <c r="E187" s="42" t="s">
        <v>303</v>
      </c>
      <c r="F187" s="58" t="s">
        <v>663</v>
      </c>
      <c r="G187" s="42" t="s">
        <v>670</v>
      </c>
      <c r="H187" s="45"/>
      <c r="I187" s="45"/>
      <c r="J187" s="45" t="s">
        <v>582</v>
      </c>
      <c r="K187" s="46" t="s">
        <v>389</v>
      </c>
      <c r="L187" s="45"/>
      <c r="M187" s="45"/>
      <c r="N187" s="45" t="s">
        <v>409</v>
      </c>
      <c r="O187" s="45" t="s">
        <v>312</v>
      </c>
      <c r="P187" s="45">
        <v>275</v>
      </c>
      <c r="Q187" s="45">
        <v>350</v>
      </c>
      <c r="R187" s="45" t="s">
        <v>36</v>
      </c>
      <c r="S187" s="45"/>
      <c r="T187" s="45" t="s">
        <v>31</v>
      </c>
      <c r="U187" s="45"/>
      <c r="V187" s="48" t="s">
        <v>37</v>
      </c>
      <c r="W187" s="45" t="s">
        <v>661</v>
      </c>
    </row>
    <row r="188" spans="1:23" s="44" customFormat="1" ht="19.899999999999999" customHeight="1">
      <c r="A188" s="59">
        <v>111330006</v>
      </c>
      <c r="B188" s="42"/>
      <c r="C188" s="43" t="s">
        <v>671</v>
      </c>
      <c r="D188" s="44" t="s">
        <v>135</v>
      </c>
      <c r="E188" s="42" t="s">
        <v>303</v>
      </c>
      <c r="F188" s="58" t="s">
        <v>663</v>
      </c>
      <c r="G188" s="42" t="s">
        <v>672</v>
      </c>
      <c r="H188" s="45"/>
      <c r="I188" s="45"/>
      <c r="J188" s="45" t="s">
        <v>582</v>
      </c>
      <c r="K188" s="46" t="s">
        <v>389</v>
      </c>
      <c r="L188" s="45"/>
      <c r="M188" s="45"/>
      <c r="N188" s="45" t="s">
        <v>409</v>
      </c>
      <c r="O188" s="45" t="s">
        <v>312</v>
      </c>
      <c r="P188" s="45">
        <v>275</v>
      </c>
      <c r="Q188" s="45">
        <v>350</v>
      </c>
      <c r="R188" s="45" t="s">
        <v>36</v>
      </c>
      <c r="S188" s="45"/>
      <c r="T188" s="45" t="s">
        <v>31</v>
      </c>
      <c r="U188" s="45"/>
      <c r="V188" s="48" t="s">
        <v>37</v>
      </c>
      <c r="W188" s="45" t="s">
        <v>661</v>
      </c>
    </row>
    <row r="189" spans="1:23" s="44" customFormat="1" ht="19.899999999999999" customHeight="1">
      <c r="A189" s="59">
        <v>111330007</v>
      </c>
      <c r="B189" s="42"/>
      <c r="C189" s="43" t="s">
        <v>673</v>
      </c>
      <c r="D189" s="44" t="s">
        <v>135</v>
      </c>
      <c r="E189" s="42" t="s">
        <v>303</v>
      </c>
      <c r="F189" s="58" t="s">
        <v>663</v>
      </c>
      <c r="G189" s="42" t="s">
        <v>674</v>
      </c>
      <c r="H189" s="45"/>
      <c r="I189" s="45"/>
      <c r="J189" s="45" t="s">
        <v>582</v>
      </c>
      <c r="K189" s="46" t="s">
        <v>389</v>
      </c>
      <c r="L189" s="45"/>
      <c r="M189" s="45"/>
      <c r="N189" s="45" t="s">
        <v>409</v>
      </c>
      <c r="O189" s="45" t="s">
        <v>312</v>
      </c>
      <c r="P189" s="45">
        <v>220</v>
      </c>
      <c r="Q189" s="45">
        <v>300</v>
      </c>
      <c r="R189" s="45" t="s">
        <v>36</v>
      </c>
      <c r="S189" s="45"/>
      <c r="T189" s="45" t="s">
        <v>31</v>
      </c>
      <c r="U189" s="45"/>
      <c r="V189" s="48" t="s">
        <v>37</v>
      </c>
      <c r="W189" s="45" t="s">
        <v>661</v>
      </c>
    </row>
    <row r="190" spans="1:23" s="44" customFormat="1" ht="19.899999999999999" customHeight="1">
      <c r="A190" s="59">
        <v>111330008</v>
      </c>
      <c r="B190" s="42"/>
      <c r="C190" s="43" t="s">
        <v>675</v>
      </c>
      <c r="D190" s="44" t="s">
        <v>135</v>
      </c>
      <c r="E190" s="42" t="s">
        <v>303</v>
      </c>
      <c r="F190" s="58" t="s">
        <v>676</v>
      </c>
      <c r="G190" s="42" t="s">
        <v>677</v>
      </c>
      <c r="H190" s="45"/>
      <c r="I190" s="45"/>
      <c r="J190" s="45" t="s">
        <v>582</v>
      </c>
      <c r="K190" s="46" t="s">
        <v>389</v>
      </c>
      <c r="L190" s="45"/>
      <c r="M190" s="45"/>
      <c r="N190" s="45" t="s">
        <v>409</v>
      </c>
      <c r="O190" s="45" t="s">
        <v>312</v>
      </c>
      <c r="P190" s="45">
        <v>275</v>
      </c>
      <c r="Q190" s="45">
        <v>350</v>
      </c>
      <c r="R190" s="45" t="s">
        <v>36</v>
      </c>
      <c r="S190" s="45"/>
      <c r="T190" s="45" t="s">
        <v>31</v>
      </c>
      <c r="U190" s="45"/>
      <c r="V190" s="48" t="s">
        <v>37</v>
      </c>
      <c r="W190" s="45" t="s">
        <v>661</v>
      </c>
    </row>
    <row r="191" spans="1:23" s="44" customFormat="1" ht="19.899999999999999" customHeight="1">
      <c r="A191" s="59">
        <v>111330010</v>
      </c>
      <c r="B191" s="42"/>
      <c r="C191" s="43" t="s">
        <v>678</v>
      </c>
      <c r="D191" s="44" t="s">
        <v>135</v>
      </c>
      <c r="E191" s="42" t="s">
        <v>303</v>
      </c>
      <c r="F191" s="58" t="s">
        <v>679</v>
      </c>
      <c r="G191" s="42" t="s">
        <v>680</v>
      </c>
      <c r="H191" s="45"/>
      <c r="I191" s="45"/>
      <c r="J191" s="45" t="s">
        <v>582</v>
      </c>
      <c r="K191" s="46" t="s">
        <v>389</v>
      </c>
      <c r="L191" s="45"/>
      <c r="M191" s="45"/>
      <c r="N191" s="45" t="s">
        <v>409</v>
      </c>
      <c r="O191" s="45" t="s">
        <v>312</v>
      </c>
      <c r="P191" s="45">
        <v>200</v>
      </c>
      <c r="Q191" s="45">
        <v>300</v>
      </c>
      <c r="R191" s="45" t="s">
        <v>36</v>
      </c>
      <c r="S191" s="45"/>
      <c r="T191" s="45" t="s">
        <v>31</v>
      </c>
      <c r="U191" s="45"/>
      <c r="V191" s="48" t="s">
        <v>37</v>
      </c>
      <c r="W191" s="45" t="s">
        <v>661</v>
      </c>
    </row>
    <row r="192" spans="1:23" s="44" customFormat="1" ht="19.899999999999999" customHeight="1">
      <c r="A192" s="59">
        <v>111330011</v>
      </c>
      <c r="B192" s="42"/>
      <c r="C192" s="43" t="s">
        <v>681</v>
      </c>
      <c r="D192" s="44" t="s">
        <v>135</v>
      </c>
      <c r="E192" s="42" t="s">
        <v>303</v>
      </c>
      <c r="F192" s="58" t="s">
        <v>682</v>
      </c>
      <c r="G192" s="42" t="s">
        <v>683</v>
      </c>
      <c r="H192" s="45"/>
      <c r="I192" s="45"/>
      <c r="J192" s="45" t="s">
        <v>582</v>
      </c>
      <c r="K192" s="46" t="s">
        <v>389</v>
      </c>
      <c r="L192" s="45"/>
      <c r="M192" s="45"/>
      <c r="N192" s="45" t="s">
        <v>409</v>
      </c>
      <c r="O192" s="45" t="s">
        <v>312</v>
      </c>
      <c r="P192" s="45">
        <v>555</v>
      </c>
      <c r="Q192" s="45">
        <v>690</v>
      </c>
      <c r="R192" s="45" t="s">
        <v>36</v>
      </c>
      <c r="S192" s="45"/>
      <c r="T192" s="45" t="s">
        <v>31</v>
      </c>
      <c r="U192" s="45"/>
      <c r="V192" s="48" t="s">
        <v>37</v>
      </c>
      <c r="W192" s="45" t="s">
        <v>661</v>
      </c>
    </row>
    <row r="193" spans="1:23" s="44" customFormat="1" ht="19.899999999999999" customHeight="1">
      <c r="A193" s="59">
        <v>111330012</v>
      </c>
      <c r="B193" s="42"/>
      <c r="C193" s="43" t="s">
        <v>684</v>
      </c>
      <c r="D193" s="44" t="s">
        <v>135</v>
      </c>
      <c r="E193" s="42" t="s">
        <v>303</v>
      </c>
      <c r="F193" s="58" t="s">
        <v>685</v>
      </c>
      <c r="G193" s="42" t="s">
        <v>686</v>
      </c>
      <c r="H193" s="45"/>
      <c r="I193" s="45"/>
      <c r="J193" s="45" t="s">
        <v>582</v>
      </c>
      <c r="K193" s="46" t="s">
        <v>389</v>
      </c>
      <c r="L193" s="45"/>
      <c r="M193" s="45"/>
      <c r="N193" s="45" t="s">
        <v>409</v>
      </c>
      <c r="O193" s="45" t="s">
        <v>312</v>
      </c>
      <c r="P193" s="45">
        <v>180</v>
      </c>
      <c r="Q193" s="45">
        <v>350</v>
      </c>
      <c r="R193" s="45" t="s">
        <v>36</v>
      </c>
      <c r="S193" s="45"/>
      <c r="T193" s="45" t="s">
        <v>31</v>
      </c>
      <c r="U193" s="45"/>
      <c r="V193" s="48" t="s">
        <v>37</v>
      </c>
      <c r="W193" s="45" t="s">
        <v>661</v>
      </c>
    </row>
    <row r="194" spans="1:23" s="44" customFormat="1" ht="19.899999999999999" customHeight="1">
      <c r="A194" s="59">
        <v>896240001</v>
      </c>
      <c r="B194" s="42"/>
      <c r="C194" s="43" t="s">
        <v>687</v>
      </c>
      <c r="D194" s="44" t="s">
        <v>137</v>
      </c>
      <c r="E194" s="42" t="s">
        <v>27</v>
      </c>
      <c r="F194" s="58" t="s">
        <v>688</v>
      </c>
      <c r="G194" s="42" t="s">
        <v>689</v>
      </c>
      <c r="H194" s="45"/>
      <c r="I194" s="45"/>
      <c r="J194" s="45" t="s">
        <v>582</v>
      </c>
      <c r="K194" s="46" t="s">
        <v>389</v>
      </c>
      <c r="L194" s="45"/>
      <c r="M194" s="45"/>
      <c r="N194" s="45" t="s">
        <v>409</v>
      </c>
      <c r="O194" s="45" t="s">
        <v>312</v>
      </c>
      <c r="P194" s="45">
        <v>200</v>
      </c>
      <c r="Q194" s="45">
        <v>150</v>
      </c>
      <c r="R194" s="45" t="s">
        <v>36</v>
      </c>
      <c r="S194" s="45"/>
      <c r="T194" s="45" t="s">
        <v>31</v>
      </c>
      <c r="U194" s="45"/>
      <c r="V194" s="48" t="s">
        <v>37</v>
      </c>
      <c r="W194" s="45" t="s">
        <v>690</v>
      </c>
    </row>
    <row r="195" spans="1:23" s="44" customFormat="1" ht="19.899999999999999" customHeight="1">
      <c r="A195" s="59">
        <v>894240004</v>
      </c>
      <c r="B195" s="42"/>
      <c r="C195" s="43" t="s">
        <v>691</v>
      </c>
      <c r="D195" s="44" t="s">
        <v>137</v>
      </c>
      <c r="E195" s="42" t="s">
        <v>27</v>
      </c>
      <c r="F195" s="58" t="s">
        <v>692</v>
      </c>
      <c r="G195" s="42" t="s">
        <v>693</v>
      </c>
      <c r="H195" s="45"/>
      <c r="I195" s="45"/>
      <c r="J195" s="45" t="s">
        <v>582</v>
      </c>
      <c r="K195" s="46" t="s">
        <v>612</v>
      </c>
      <c r="L195" s="45"/>
      <c r="M195" s="45"/>
      <c r="N195" s="45" t="s">
        <v>409</v>
      </c>
      <c r="O195" s="45" t="s">
        <v>312</v>
      </c>
      <c r="P195" s="45">
        <v>290</v>
      </c>
      <c r="Q195" s="45">
        <v>450</v>
      </c>
      <c r="R195" s="45" t="s">
        <v>36</v>
      </c>
      <c r="S195" s="45"/>
      <c r="T195" s="45" t="s">
        <v>31</v>
      </c>
      <c r="U195" s="45"/>
      <c r="V195" s="48" t="s">
        <v>37</v>
      </c>
      <c r="W195" s="45" t="s">
        <v>690</v>
      </c>
    </row>
    <row r="196" spans="1:23" s="44" customFormat="1" ht="19.899999999999999" customHeight="1">
      <c r="A196" s="59">
        <v>896240002</v>
      </c>
      <c r="B196" s="42"/>
      <c r="C196" s="43" t="s">
        <v>694</v>
      </c>
      <c r="D196" s="44" t="s">
        <v>137</v>
      </c>
      <c r="E196" s="42" t="s">
        <v>27</v>
      </c>
      <c r="F196" s="58" t="s">
        <v>692</v>
      </c>
      <c r="G196" s="42" t="s">
        <v>695</v>
      </c>
      <c r="H196" s="45"/>
      <c r="I196" s="45"/>
      <c r="J196" s="45" t="s">
        <v>582</v>
      </c>
      <c r="K196" s="46" t="s">
        <v>612</v>
      </c>
      <c r="L196" s="45"/>
      <c r="M196" s="45"/>
      <c r="N196" s="45" t="s">
        <v>409</v>
      </c>
      <c r="O196" s="45" t="s">
        <v>312</v>
      </c>
      <c r="P196" s="45">
        <v>390</v>
      </c>
      <c r="Q196" s="45">
        <v>550</v>
      </c>
      <c r="R196" s="45" t="s">
        <v>36</v>
      </c>
      <c r="S196" s="45"/>
      <c r="T196" s="45" t="s">
        <v>31</v>
      </c>
      <c r="U196" s="45"/>
      <c r="V196" s="48" t="s">
        <v>37</v>
      </c>
      <c r="W196" s="45" t="s">
        <v>690</v>
      </c>
    </row>
    <row r="197" spans="1:23" s="44" customFormat="1" ht="19.899999999999999" customHeight="1">
      <c r="A197" s="59">
        <v>550230001</v>
      </c>
      <c r="B197" s="42"/>
      <c r="C197" s="43" t="s">
        <v>696</v>
      </c>
      <c r="D197" s="44" t="s">
        <v>135</v>
      </c>
      <c r="E197" s="42" t="s">
        <v>292</v>
      </c>
      <c r="F197" s="58" t="s">
        <v>697</v>
      </c>
      <c r="G197" s="42" t="s">
        <v>698</v>
      </c>
      <c r="H197" s="45"/>
      <c r="I197" s="45"/>
      <c r="J197" s="45" t="s">
        <v>582</v>
      </c>
      <c r="K197" s="46" t="s">
        <v>643</v>
      </c>
      <c r="L197" s="45"/>
      <c r="M197" s="45"/>
      <c r="N197" s="45" t="s">
        <v>409</v>
      </c>
      <c r="O197" s="45" t="s">
        <v>312</v>
      </c>
      <c r="P197" s="45">
        <v>85</v>
      </c>
      <c r="Q197" s="45">
        <v>129</v>
      </c>
      <c r="R197" s="45" t="s">
        <v>36</v>
      </c>
      <c r="S197" s="45"/>
      <c r="T197" s="45" t="s">
        <v>31</v>
      </c>
      <c r="U197" s="45"/>
      <c r="V197" s="48" t="s">
        <v>37</v>
      </c>
      <c r="W197" s="45" t="s">
        <v>699</v>
      </c>
    </row>
    <row r="198" spans="1:23" s="44" customFormat="1" ht="19.899999999999999" customHeight="1">
      <c r="A198" s="59">
        <v>558330002</v>
      </c>
      <c r="B198" s="42"/>
      <c r="C198" s="43" t="s">
        <v>700</v>
      </c>
      <c r="D198" s="44" t="s">
        <v>135</v>
      </c>
      <c r="E198" s="42" t="s">
        <v>303</v>
      </c>
      <c r="F198" s="58" t="s">
        <v>701</v>
      </c>
      <c r="G198" s="42" t="s">
        <v>702</v>
      </c>
      <c r="H198" s="45"/>
      <c r="I198" s="45"/>
      <c r="J198" s="45" t="s">
        <v>582</v>
      </c>
      <c r="K198" s="46" t="s">
        <v>612</v>
      </c>
      <c r="L198" s="45"/>
      <c r="M198" s="45"/>
      <c r="N198" s="45" t="s">
        <v>409</v>
      </c>
      <c r="O198" s="45" t="s">
        <v>312</v>
      </c>
      <c r="P198" s="57">
        <v>1400</v>
      </c>
      <c r="Q198" s="57">
        <v>1799</v>
      </c>
      <c r="R198" s="45" t="s">
        <v>36</v>
      </c>
      <c r="S198" s="45"/>
      <c r="T198" s="45" t="s">
        <v>31</v>
      </c>
      <c r="U198" s="45"/>
      <c r="V198" s="48" t="s">
        <v>37</v>
      </c>
      <c r="W198" s="45" t="s">
        <v>703</v>
      </c>
    </row>
    <row r="199" spans="1:23" s="44" customFormat="1" ht="19.899999999999999" customHeight="1">
      <c r="A199" s="59">
        <v>564330007</v>
      </c>
      <c r="B199" s="42"/>
      <c r="C199" s="43" t="s">
        <v>704</v>
      </c>
      <c r="D199" s="44" t="s">
        <v>135</v>
      </c>
      <c r="E199" s="42" t="s">
        <v>27</v>
      </c>
      <c r="F199" s="58" t="s">
        <v>705</v>
      </c>
      <c r="G199" s="42" t="s">
        <v>706</v>
      </c>
      <c r="H199" s="45"/>
      <c r="I199" s="45"/>
      <c r="J199" s="45" t="s">
        <v>582</v>
      </c>
      <c r="K199" s="46" t="s">
        <v>404</v>
      </c>
      <c r="L199" s="45"/>
      <c r="M199" s="45"/>
      <c r="N199" s="45" t="s">
        <v>409</v>
      </c>
      <c r="O199" s="45" t="s">
        <v>312</v>
      </c>
      <c r="P199" s="45">
        <v>800</v>
      </c>
      <c r="Q199" s="57">
        <v>1000</v>
      </c>
      <c r="R199" s="45" t="s">
        <v>36</v>
      </c>
      <c r="S199" s="45"/>
      <c r="T199" s="45" t="s">
        <v>76</v>
      </c>
      <c r="U199" s="45"/>
      <c r="V199" s="48" t="s">
        <v>37</v>
      </c>
      <c r="W199" s="45" t="s">
        <v>410</v>
      </c>
    </row>
    <row r="200" spans="1:23" s="44" customFormat="1" ht="19.899999999999999" customHeight="1">
      <c r="A200" s="59">
        <v>564330018</v>
      </c>
      <c r="B200" s="42"/>
      <c r="C200" s="43" t="s">
        <v>707</v>
      </c>
      <c r="D200" s="44" t="s">
        <v>135</v>
      </c>
      <c r="E200" s="42" t="s">
        <v>27</v>
      </c>
      <c r="F200" s="58" t="s">
        <v>708</v>
      </c>
      <c r="G200" s="42" t="s">
        <v>709</v>
      </c>
      <c r="H200" s="45"/>
      <c r="I200" s="45"/>
      <c r="J200" s="45" t="s">
        <v>582</v>
      </c>
      <c r="K200" s="46" t="s">
        <v>710</v>
      </c>
      <c r="L200" s="45"/>
      <c r="M200" s="45"/>
      <c r="N200" s="45" t="s">
        <v>409</v>
      </c>
      <c r="O200" s="45" t="s">
        <v>312</v>
      </c>
      <c r="P200" s="45">
        <v>50</v>
      </c>
      <c r="Q200" s="45">
        <v>79</v>
      </c>
      <c r="R200" s="45" t="s">
        <v>36</v>
      </c>
      <c r="S200" s="45"/>
      <c r="T200" s="45" t="s">
        <v>76</v>
      </c>
      <c r="U200" s="45"/>
      <c r="V200" s="48" t="s">
        <v>37</v>
      </c>
      <c r="W200" s="45" t="s">
        <v>410</v>
      </c>
    </row>
    <row r="201" spans="1:23" s="44" customFormat="1" ht="19.899999999999999" customHeight="1">
      <c r="A201" s="59">
        <v>564330021</v>
      </c>
      <c r="B201" s="42"/>
      <c r="C201" s="43" t="s">
        <v>711</v>
      </c>
      <c r="D201" s="44" t="s">
        <v>135</v>
      </c>
      <c r="E201" s="42" t="s">
        <v>303</v>
      </c>
      <c r="F201" s="58" t="s">
        <v>712</v>
      </c>
      <c r="G201" s="42" t="s">
        <v>713</v>
      </c>
      <c r="H201" s="45"/>
      <c r="I201" s="45"/>
      <c r="J201" s="45" t="s">
        <v>582</v>
      </c>
      <c r="K201" s="46" t="s">
        <v>710</v>
      </c>
      <c r="L201" s="45"/>
      <c r="M201" s="45"/>
      <c r="N201" s="45" t="s">
        <v>409</v>
      </c>
      <c r="O201" s="45" t="s">
        <v>312</v>
      </c>
      <c r="P201" s="45">
        <v>250</v>
      </c>
      <c r="Q201" s="45">
        <v>390</v>
      </c>
      <c r="R201" s="45" t="s">
        <v>36</v>
      </c>
      <c r="S201" s="45"/>
      <c r="T201" s="45" t="s">
        <v>76</v>
      </c>
      <c r="U201" s="45"/>
      <c r="V201" s="48" t="s">
        <v>37</v>
      </c>
      <c r="W201" s="45" t="s">
        <v>410</v>
      </c>
    </row>
    <row r="202" spans="1:23" s="44" customFormat="1" ht="19.899999999999999" customHeight="1">
      <c r="A202" s="59">
        <v>110330026</v>
      </c>
      <c r="B202" s="42" t="s">
        <v>714</v>
      </c>
      <c r="C202" s="43" t="s">
        <v>715</v>
      </c>
      <c r="D202" s="44" t="s">
        <v>135</v>
      </c>
      <c r="E202" s="42" t="s">
        <v>27</v>
      </c>
      <c r="F202" s="58" t="s">
        <v>716</v>
      </c>
      <c r="G202" s="42" t="s">
        <v>717</v>
      </c>
      <c r="H202" s="45"/>
      <c r="I202" s="45"/>
      <c r="J202" s="45" t="s">
        <v>582</v>
      </c>
      <c r="K202" s="46" t="s">
        <v>612</v>
      </c>
      <c r="L202" s="45"/>
      <c r="M202" s="45"/>
      <c r="N202" s="45" t="s">
        <v>409</v>
      </c>
      <c r="O202" s="45" t="s">
        <v>312</v>
      </c>
      <c r="P202" s="57">
        <v>1000</v>
      </c>
      <c r="Q202" s="57">
        <v>1390</v>
      </c>
      <c r="R202" s="45" t="s">
        <v>36</v>
      </c>
      <c r="S202" s="45"/>
      <c r="T202" s="45" t="s">
        <v>31</v>
      </c>
      <c r="U202" s="45"/>
      <c r="V202" s="48" t="s">
        <v>37</v>
      </c>
      <c r="W202" s="45" t="s">
        <v>718</v>
      </c>
    </row>
    <row r="203" spans="1:23" s="44" customFormat="1" ht="19.899999999999999" customHeight="1">
      <c r="A203" s="59">
        <v>110330028</v>
      </c>
      <c r="B203" s="42" t="s">
        <v>719</v>
      </c>
      <c r="C203" s="43" t="s">
        <v>720</v>
      </c>
      <c r="D203" s="44" t="s">
        <v>135</v>
      </c>
      <c r="E203" s="42" t="s">
        <v>27</v>
      </c>
      <c r="F203" s="58" t="s">
        <v>721</v>
      </c>
      <c r="G203" s="42" t="s">
        <v>722</v>
      </c>
      <c r="H203" s="45"/>
      <c r="I203" s="45"/>
      <c r="J203" s="45" t="s">
        <v>582</v>
      </c>
      <c r="K203" s="46" t="s">
        <v>612</v>
      </c>
      <c r="L203" s="45"/>
      <c r="M203" s="45"/>
      <c r="N203" s="45" t="s">
        <v>409</v>
      </c>
      <c r="O203" s="45" t="s">
        <v>312</v>
      </c>
      <c r="P203" s="57">
        <v>1100</v>
      </c>
      <c r="Q203" s="57">
        <v>1890</v>
      </c>
      <c r="R203" s="45" t="s">
        <v>36</v>
      </c>
      <c r="S203" s="45"/>
      <c r="T203" s="45" t="s">
        <v>31</v>
      </c>
      <c r="U203" s="45"/>
      <c r="V203" s="48" t="s">
        <v>37</v>
      </c>
      <c r="W203" s="45" t="s">
        <v>723</v>
      </c>
    </row>
    <row r="204" spans="1:23" s="44" customFormat="1" ht="19.899999999999999" customHeight="1">
      <c r="A204" s="59">
        <v>110330029</v>
      </c>
      <c r="B204" s="42" t="s">
        <v>719</v>
      </c>
      <c r="C204" s="43" t="s">
        <v>724</v>
      </c>
      <c r="D204" s="44" t="s">
        <v>135</v>
      </c>
      <c r="E204" s="42" t="s">
        <v>27</v>
      </c>
      <c r="F204" s="58" t="s">
        <v>721</v>
      </c>
      <c r="G204" s="42" t="s">
        <v>725</v>
      </c>
      <c r="H204" s="45"/>
      <c r="I204" s="45"/>
      <c r="J204" s="45" t="s">
        <v>582</v>
      </c>
      <c r="K204" s="46" t="s">
        <v>612</v>
      </c>
      <c r="L204" s="45"/>
      <c r="M204" s="45"/>
      <c r="N204" s="45" t="s">
        <v>409</v>
      </c>
      <c r="O204" s="45" t="s">
        <v>312</v>
      </c>
      <c r="P204" s="57">
        <v>1200</v>
      </c>
      <c r="Q204" s="57">
        <v>1990</v>
      </c>
      <c r="R204" s="45" t="s">
        <v>36</v>
      </c>
      <c r="S204" s="45"/>
      <c r="T204" s="45" t="s">
        <v>31</v>
      </c>
      <c r="U204" s="45"/>
      <c r="V204" s="48" t="s">
        <v>37</v>
      </c>
      <c r="W204" s="45" t="s">
        <v>723</v>
      </c>
    </row>
    <row r="205" spans="1:23" s="44" customFormat="1" ht="19.899999999999999" customHeight="1">
      <c r="A205" s="59">
        <v>110330031</v>
      </c>
      <c r="B205" s="42" t="s">
        <v>719</v>
      </c>
      <c r="C205" s="43" t="s">
        <v>726</v>
      </c>
      <c r="D205" s="44" t="s">
        <v>135</v>
      </c>
      <c r="E205" s="42" t="s">
        <v>27</v>
      </c>
      <c r="F205" s="58" t="s">
        <v>721</v>
      </c>
      <c r="G205" s="58" t="s">
        <v>727</v>
      </c>
      <c r="H205" s="45"/>
      <c r="I205" s="45"/>
      <c r="J205" s="45" t="s">
        <v>582</v>
      </c>
      <c r="K205" s="46" t="s">
        <v>612</v>
      </c>
      <c r="L205" s="45"/>
      <c r="M205" s="45"/>
      <c r="N205" s="45" t="s">
        <v>409</v>
      </c>
      <c r="O205" s="45" t="s">
        <v>312</v>
      </c>
      <c r="P205" s="45">
        <v>800</v>
      </c>
      <c r="Q205" s="57">
        <v>1290</v>
      </c>
      <c r="R205" s="45" t="s">
        <v>36</v>
      </c>
      <c r="S205" s="45"/>
      <c r="T205" s="45" t="s">
        <v>31</v>
      </c>
      <c r="U205" s="45"/>
      <c r="V205" s="48" t="s">
        <v>37</v>
      </c>
      <c r="W205" s="45" t="s">
        <v>723</v>
      </c>
    </row>
    <row r="206" spans="1:23" s="44" customFormat="1" ht="19.899999999999999" customHeight="1">
      <c r="A206" s="59">
        <v>110330033</v>
      </c>
      <c r="B206" s="42" t="s">
        <v>719</v>
      </c>
      <c r="C206" s="43" t="s">
        <v>728</v>
      </c>
      <c r="D206" s="44" t="s">
        <v>135</v>
      </c>
      <c r="E206" s="42" t="s">
        <v>27</v>
      </c>
      <c r="F206" s="58" t="s">
        <v>721</v>
      </c>
      <c r="G206" s="42" t="s">
        <v>729</v>
      </c>
      <c r="H206" s="45"/>
      <c r="I206" s="45"/>
      <c r="J206" s="45" t="s">
        <v>582</v>
      </c>
      <c r="K206" s="46" t="s">
        <v>612</v>
      </c>
      <c r="L206" s="45"/>
      <c r="M206" s="45"/>
      <c r="N206" s="45" t="s">
        <v>409</v>
      </c>
      <c r="O206" s="45" t="s">
        <v>312</v>
      </c>
      <c r="P206" s="45">
        <v>850</v>
      </c>
      <c r="Q206" s="57">
        <v>1590</v>
      </c>
      <c r="R206" s="45" t="s">
        <v>36</v>
      </c>
      <c r="S206" s="45"/>
      <c r="T206" s="45" t="s">
        <v>31</v>
      </c>
      <c r="U206" s="45"/>
      <c r="V206" s="48" t="s">
        <v>37</v>
      </c>
      <c r="W206" s="45" t="s">
        <v>723</v>
      </c>
    </row>
    <row r="207" spans="1:23" s="44" customFormat="1" ht="19.899999999999999" customHeight="1">
      <c r="A207" s="59">
        <v>110330034</v>
      </c>
      <c r="B207" s="42" t="s">
        <v>719</v>
      </c>
      <c r="C207" s="43" t="s">
        <v>730</v>
      </c>
      <c r="D207" s="44" t="s">
        <v>135</v>
      </c>
      <c r="E207" s="42" t="s">
        <v>27</v>
      </c>
      <c r="F207" s="58" t="s">
        <v>721</v>
      </c>
      <c r="G207" s="42" t="s">
        <v>731</v>
      </c>
      <c r="H207" s="45"/>
      <c r="I207" s="45"/>
      <c r="J207" s="45" t="s">
        <v>582</v>
      </c>
      <c r="K207" s="46" t="s">
        <v>612</v>
      </c>
      <c r="L207" s="45"/>
      <c r="M207" s="45"/>
      <c r="N207" s="45" t="s">
        <v>409</v>
      </c>
      <c r="O207" s="45" t="s">
        <v>312</v>
      </c>
      <c r="P207" s="45">
        <v>550</v>
      </c>
      <c r="Q207" s="45">
        <v>990</v>
      </c>
      <c r="R207" s="45" t="s">
        <v>36</v>
      </c>
      <c r="S207" s="45"/>
      <c r="T207" s="45" t="s">
        <v>31</v>
      </c>
      <c r="U207" s="45"/>
      <c r="V207" s="48" t="s">
        <v>37</v>
      </c>
      <c r="W207" s="45" t="s">
        <v>723</v>
      </c>
    </row>
    <row r="208" spans="1:23" s="44" customFormat="1" ht="19.899999999999999" customHeight="1">
      <c r="A208" s="59">
        <v>110330035</v>
      </c>
      <c r="B208" s="42" t="s">
        <v>719</v>
      </c>
      <c r="C208" s="43" t="s">
        <v>732</v>
      </c>
      <c r="D208" s="44" t="s">
        <v>135</v>
      </c>
      <c r="E208" s="42" t="s">
        <v>27</v>
      </c>
      <c r="F208" s="58" t="s">
        <v>721</v>
      </c>
      <c r="G208" s="66" t="s">
        <v>733</v>
      </c>
      <c r="H208" s="45"/>
      <c r="I208" s="45"/>
      <c r="J208" s="45" t="s">
        <v>582</v>
      </c>
      <c r="K208" s="46" t="s">
        <v>612</v>
      </c>
      <c r="L208" s="45"/>
      <c r="M208" s="45"/>
      <c r="N208" s="45" t="s">
        <v>409</v>
      </c>
      <c r="O208" s="45" t="s">
        <v>312</v>
      </c>
      <c r="P208" s="57">
        <v>1200</v>
      </c>
      <c r="Q208" s="57">
        <v>1990</v>
      </c>
      <c r="R208" s="45" t="s">
        <v>36</v>
      </c>
      <c r="S208" s="45"/>
      <c r="T208" s="45" t="s">
        <v>31</v>
      </c>
      <c r="U208" s="45"/>
      <c r="V208" s="48" t="s">
        <v>37</v>
      </c>
      <c r="W208" s="45" t="s">
        <v>723</v>
      </c>
    </row>
    <row r="209" spans="1:23" s="44" customFormat="1" ht="19.899999999999999" customHeight="1">
      <c r="A209" s="59">
        <v>556330014</v>
      </c>
      <c r="B209" s="42" t="s">
        <v>734</v>
      </c>
      <c r="C209" s="43" t="s">
        <v>735</v>
      </c>
      <c r="D209" s="44" t="s">
        <v>135</v>
      </c>
      <c r="E209" s="42" t="s">
        <v>736</v>
      </c>
      <c r="F209" s="58" t="s">
        <v>737</v>
      </c>
      <c r="G209" s="67" t="s">
        <v>738</v>
      </c>
      <c r="H209" s="45"/>
      <c r="I209" s="45"/>
      <c r="J209" s="45" t="s">
        <v>582</v>
      </c>
      <c r="K209" s="46" t="s">
        <v>710</v>
      </c>
      <c r="L209" s="45"/>
      <c r="M209" s="45"/>
      <c r="N209" s="45" t="s">
        <v>409</v>
      </c>
      <c r="O209" s="45" t="s">
        <v>312</v>
      </c>
      <c r="P209" s="45">
        <v>130</v>
      </c>
      <c r="Q209" s="45">
        <v>190</v>
      </c>
      <c r="R209" s="45" t="s">
        <v>36</v>
      </c>
      <c r="S209" s="45"/>
      <c r="T209" s="45" t="s">
        <v>31</v>
      </c>
      <c r="U209" s="45"/>
      <c r="V209" s="48" t="s">
        <v>37</v>
      </c>
      <c r="W209" s="45" t="s">
        <v>739</v>
      </c>
    </row>
    <row r="210" spans="1:23" s="44" customFormat="1" ht="19.899999999999999" customHeight="1">
      <c r="A210" s="41">
        <v>112330008</v>
      </c>
      <c r="B210" s="42" t="s">
        <v>740</v>
      </c>
      <c r="C210" s="43" t="s">
        <v>741</v>
      </c>
      <c r="D210" s="44" t="s">
        <v>135</v>
      </c>
      <c r="E210" s="42" t="s">
        <v>27</v>
      </c>
      <c r="F210" s="58" t="s">
        <v>742</v>
      </c>
      <c r="G210" s="42" t="s">
        <v>743</v>
      </c>
      <c r="H210" s="45"/>
      <c r="I210" s="45"/>
      <c r="J210" s="45" t="s">
        <v>582</v>
      </c>
      <c r="K210" s="46" t="s">
        <v>710</v>
      </c>
      <c r="L210" s="45"/>
      <c r="M210" s="45"/>
      <c r="N210" s="45" t="s">
        <v>409</v>
      </c>
      <c r="O210" s="45" t="s">
        <v>312</v>
      </c>
      <c r="P210" s="45">
        <v>190</v>
      </c>
      <c r="Q210" s="45">
        <v>250</v>
      </c>
      <c r="R210" s="45" t="s">
        <v>36</v>
      </c>
      <c r="S210" s="45"/>
      <c r="T210" s="45" t="s">
        <v>31</v>
      </c>
      <c r="U210" s="45"/>
      <c r="V210" s="48" t="s">
        <v>37</v>
      </c>
      <c r="W210" s="45" t="s">
        <v>740</v>
      </c>
    </row>
    <row r="211" spans="1:23" s="44" customFormat="1" ht="19.899999999999999" customHeight="1">
      <c r="A211" s="59">
        <v>619330006</v>
      </c>
      <c r="B211" s="42"/>
      <c r="C211" s="43" t="s">
        <v>744</v>
      </c>
      <c r="D211" s="44" t="s">
        <v>135</v>
      </c>
      <c r="E211" s="42" t="s">
        <v>27</v>
      </c>
      <c r="F211" s="58" t="s">
        <v>745</v>
      </c>
      <c r="G211" s="42" t="s">
        <v>746</v>
      </c>
      <c r="H211" s="45"/>
      <c r="I211" s="45"/>
      <c r="J211" s="45" t="s">
        <v>582</v>
      </c>
      <c r="K211" s="46" t="s">
        <v>506</v>
      </c>
      <c r="L211" s="45"/>
      <c r="M211" s="45"/>
      <c r="N211" s="45" t="s">
        <v>409</v>
      </c>
      <c r="O211" s="45" t="s">
        <v>517</v>
      </c>
      <c r="P211" s="45">
        <v>300</v>
      </c>
      <c r="Q211" s="45">
        <v>650</v>
      </c>
      <c r="R211" s="45" t="s">
        <v>36</v>
      </c>
      <c r="S211" s="45"/>
      <c r="T211" s="45" t="s">
        <v>31</v>
      </c>
      <c r="U211" s="45"/>
      <c r="V211" s="48" t="s">
        <v>37</v>
      </c>
      <c r="W211" s="45" t="s">
        <v>747</v>
      </c>
    </row>
    <row r="212" spans="1:23" s="44" customFormat="1" ht="19.899999999999999" customHeight="1">
      <c r="A212" s="59">
        <v>113330005</v>
      </c>
      <c r="B212" s="42"/>
      <c r="C212" s="43" t="s">
        <v>748</v>
      </c>
      <c r="D212" s="44" t="s">
        <v>135</v>
      </c>
      <c r="E212" s="42" t="s">
        <v>27</v>
      </c>
      <c r="F212" s="58" t="s">
        <v>749</v>
      </c>
      <c r="G212" s="42" t="s">
        <v>750</v>
      </c>
      <c r="H212" s="45"/>
      <c r="I212" s="45"/>
      <c r="J212" s="45" t="s">
        <v>582</v>
      </c>
      <c r="K212" s="46" t="s">
        <v>751</v>
      </c>
      <c r="L212" s="45"/>
      <c r="M212" s="45"/>
      <c r="N212" s="45" t="s">
        <v>409</v>
      </c>
      <c r="O212" s="45" t="s">
        <v>517</v>
      </c>
      <c r="P212" s="45">
        <v>700</v>
      </c>
      <c r="Q212" s="57">
        <v>1000</v>
      </c>
      <c r="R212" s="45" t="s">
        <v>36</v>
      </c>
      <c r="S212" s="45"/>
      <c r="T212" s="45" t="s">
        <v>31</v>
      </c>
      <c r="U212" s="45"/>
      <c r="V212" s="48" t="s">
        <v>37</v>
      </c>
      <c r="W212" s="45" t="s">
        <v>747</v>
      </c>
    </row>
    <row r="213" spans="1:23" s="44" customFormat="1" ht="19.899999999999999" customHeight="1">
      <c r="A213" s="59">
        <v>113330006</v>
      </c>
      <c r="B213" s="42"/>
      <c r="C213" s="43" t="s">
        <v>752</v>
      </c>
      <c r="D213" s="44" t="s">
        <v>135</v>
      </c>
      <c r="E213" s="42" t="s">
        <v>27</v>
      </c>
      <c r="F213" s="58" t="s">
        <v>753</v>
      </c>
      <c r="G213" s="42" t="s">
        <v>754</v>
      </c>
      <c r="H213" s="45"/>
      <c r="I213" s="45"/>
      <c r="J213" s="45" t="s">
        <v>582</v>
      </c>
      <c r="K213" s="46" t="s">
        <v>751</v>
      </c>
      <c r="L213" s="45"/>
      <c r="M213" s="45"/>
      <c r="N213" s="45" t="s">
        <v>409</v>
      </c>
      <c r="O213" s="45" t="s">
        <v>517</v>
      </c>
      <c r="P213" s="57">
        <v>1000</v>
      </c>
      <c r="Q213" s="57">
        <v>1500</v>
      </c>
      <c r="R213" s="45" t="s">
        <v>36</v>
      </c>
      <c r="S213" s="45"/>
      <c r="T213" s="45" t="s">
        <v>31</v>
      </c>
      <c r="U213" s="45"/>
      <c r="V213" s="48" t="s">
        <v>37</v>
      </c>
      <c r="W213" s="45" t="s">
        <v>747</v>
      </c>
    </row>
    <row r="214" spans="1:23" s="44" customFormat="1" ht="19.899999999999999" customHeight="1">
      <c r="A214" s="59">
        <v>227330010</v>
      </c>
      <c r="B214" s="42"/>
      <c r="C214" s="43" t="s">
        <v>755</v>
      </c>
      <c r="D214" s="44" t="s">
        <v>135</v>
      </c>
      <c r="E214" s="42" t="s">
        <v>86</v>
      </c>
      <c r="F214" s="58" t="s">
        <v>756</v>
      </c>
      <c r="G214" s="42" t="s">
        <v>757</v>
      </c>
      <c r="H214" s="45"/>
      <c r="I214" s="45"/>
      <c r="J214" s="45" t="s">
        <v>582</v>
      </c>
      <c r="K214" s="46" t="s">
        <v>612</v>
      </c>
      <c r="L214" s="45"/>
      <c r="M214" s="45"/>
      <c r="N214" s="45" t="s">
        <v>409</v>
      </c>
      <c r="O214" s="45" t="s">
        <v>312</v>
      </c>
      <c r="P214" s="45">
        <v>180</v>
      </c>
      <c r="Q214" s="45">
        <v>300</v>
      </c>
      <c r="R214" s="45" t="s">
        <v>90</v>
      </c>
      <c r="S214" s="45"/>
      <c r="T214" s="45" t="s">
        <v>31</v>
      </c>
      <c r="U214" s="45"/>
      <c r="V214" s="48" t="s">
        <v>37</v>
      </c>
      <c r="W214" s="45" t="s">
        <v>758</v>
      </c>
    </row>
    <row r="215" spans="1:23" s="44" customFormat="1" ht="19.899999999999999" customHeight="1">
      <c r="A215" s="59">
        <v>110340072</v>
      </c>
      <c r="B215" s="42"/>
      <c r="C215" s="43" t="s">
        <v>442</v>
      </c>
      <c r="D215" s="44" t="s">
        <v>137</v>
      </c>
      <c r="E215" s="42" t="s">
        <v>443</v>
      </c>
      <c r="F215" s="58" t="s">
        <v>759</v>
      </c>
      <c r="G215" s="42" t="s">
        <v>445</v>
      </c>
      <c r="H215" s="45"/>
      <c r="I215" s="45"/>
      <c r="J215" s="45" t="s">
        <v>582</v>
      </c>
      <c r="K215" s="46" t="s">
        <v>710</v>
      </c>
      <c r="L215" s="45"/>
      <c r="M215" s="45"/>
      <c r="N215" s="45" t="s">
        <v>409</v>
      </c>
      <c r="O215" s="45" t="s">
        <v>517</v>
      </c>
      <c r="P215" s="45">
        <v>36</v>
      </c>
      <c r="Q215" s="45"/>
      <c r="R215" s="45" t="s">
        <v>36</v>
      </c>
      <c r="S215" s="45"/>
      <c r="T215" s="45" t="s">
        <v>52</v>
      </c>
      <c r="U215" s="45"/>
      <c r="V215" s="48" t="s">
        <v>37</v>
      </c>
      <c r="W215" s="45" t="s">
        <v>760</v>
      </c>
    </row>
    <row r="216" spans="1:23" s="44" customFormat="1" ht="19.899999999999999" customHeight="1">
      <c r="A216" s="59">
        <v>110340089</v>
      </c>
      <c r="B216" s="42"/>
      <c r="C216" s="43" t="s">
        <v>761</v>
      </c>
      <c r="D216" s="44" t="s">
        <v>137</v>
      </c>
      <c r="E216" s="42" t="s">
        <v>27</v>
      </c>
      <c r="F216" s="58" t="s">
        <v>762</v>
      </c>
      <c r="G216" s="42" t="s">
        <v>763</v>
      </c>
      <c r="H216" s="45"/>
      <c r="I216" s="45"/>
      <c r="J216" s="45" t="s">
        <v>582</v>
      </c>
      <c r="K216" s="46" t="s">
        <v>506</v>
      </c>
      <c r="L216" s="45"/>
      <c r="M216" s="45"/>
      <c r="N216" s="45" t="s">
        <v>409</v>
      </c>
      <c r="O216" s="45" t="s">
        <v>312</v>
      </c>
      <c r="P216" s="45">
        <v>160</v>
      </c>
      <c r="Q216" s="45">
        <v>180</v>
      </c>
      <c r="R216" s="45" t="s">
        <v>36</v>
      </c>
      <c r="S216" s="65" t="s">
        <v>77</v>
      </c>
      <c r="T216" s="45"/>
      <c r="U216" s="45"/>
      <c r="V216" s="48" t="s">
        <v>37</v>
      </c>
      <c r="W216" s="45" t="s">
        <v>764</v>
      </c>
    </row>
  </sheetData>
  <mergeCells count="18"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3T08:17:44Z</dcterms:modified>
</cp:coreProperties>
</file>